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3\02. Oddelenie VO\01. Prebiehajúce zákazky\04. Juraj\10 - 2021 - 378. (Príprava) Sterilizátor pre chemickú sterilizáciu\03. Príprava\04. PTK\01. Odoslanie PTK\"/>
    </mc:Choice>
  </mc:AlternateContent>
  <bookViews>
    <workbookView xWindow="0" yWindow="0" windowWidth="23040" windowHeight="9195"/>
  </bookViews>
  <sheets>
    <sheet name="Cenová ponuka" sheetId="8" r:id="rId1"/>
  </sheets>
  <definedNames>
    <definedName name="_xlnm.Print_Area" localSheetId="0">'Cenová ponuka'!$B$1:$F$232</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94" uniqueCount="333">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14.</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2.1</t>
  </si>
  <si>
    <t>2.2</t>
  </si>
  <si>
    <t>7.</t>
  </si>
  <si>
    <t>12.</t>
  </si>
  <si>
    <t>13.</t>
  </si>
  <si>
    <t>15.</t>
  </si>
  <si>
    <t>17.</t>
  </si>
  <si>
    <t>18.</t>
  </si>
  <si>
    <t>19.</t>
  </si>
  <si>
    <t>20.</t>
  </si>
  <si>
    <t>22.</t>
  </si>
  <si>
    <t>23.</t>
  </si>
  <si>
    <t>2.3</t>
  </si>
  <si>
    <t>2.4</t>
  </si>
  <si>
    <t>2.5</t>
  </si>
  <si>
    <t>2.6</t>
  </si>
  <si>
    <t>5.1</t>
  </si>
  <si>
    <t>5.2</t>
  </si>
  <si>
    <t>12.1</t>
  </si>
  <si>
    <t>12.2</t>
  </si>
  <si>
    <t>24.</t>
  </si>
  <si>
    <t>25.</t>
  </si>
  <si>
    <t>Kalkulácia ceny a návrh na plnenie kritéria na vyhodnotenie ponúk - Štruktúrovaný rozpočet ceny predmetu zákazky</t>
  </si>
  <si>
    <t>33191000-5   Sterilizačné, dezinfekčné a hygienické prístroje</t>
  </si>
  <si>
    <t>33191100-6   Sterilizátory</t>
  </si>
  <si>
    <t>50421000-2   Opravy a údržba lekárskych zariadení</t>
  </si>
  <si>
    <t>Položka č. 2</t>
  </si>
  <si>
    <t>Pozáručný servis pre položku č.1</t>
  </si>
  <si>
    <t>mesiac</t>
  </si>
  <si>
    <t>5 rokov po uplynutí záručnej doby.</t>
  </si>
  <si>
    <t>Požaduje sa poskytovať službu (pozáručný servis) najmä v nasledovnom rozsahu:</t>
  </si>
  <si>
    <t>preventívna údržba systémov  v rozsahu podľa manuálu určeného výrobcom systému,</t>
  </si>
  <si>
    <t>2.1.1</t>
  </si>
  <si>
    <t>za účelom vykonania preventívnej údržby si zmluvné strany po uzatvorení zmluvy vypracujú Plán údržby, v ktorom sa dohodnú na termínoch pre preventívnu údržbu,</t>
  </si>
  <si>
    <t>2.1.2</t>
  </si>
  <si>
    <t>zmenu týchto termínov je možné uskutočniť len vzájomnou dohodou zmluvných strán, pričom takéto zmeny musia byť dohodnuté vždy včas, aby nebola narušená prevádzka objednávateľa.</t>
  </si>
  <si>
    <t>všetky práce spojené s opravami systémov,</t>
  </si>
  <si>
    <t>udržiavanie prevádzkyschopnosti hardwarovej časti systémov,</t>
  </si>
  <si>
    <t>elektrické revízie v zmysle platných právnych predpisov,</t>
  </si>
  <si>
    <t>2.4.1</t>
  </si>
  <si>
    <t>za účelom vykonania povinných revízií si zmluvné strany do 30 kalendárnych dní po uzatvorení zmluvy vypracujú Plán revízie, v ktorom sa dohodnú na termínoch vykonanie revízie (jednotlivé termíny zmluvné strany dohodnú tak, aby bola zabezpečená ich kontinuita),</t>
  </si>
  <si>
    <t>2.4.2</t>
  </si>
  <si>
    <t>cestovné a všetky náklady spojené s činnosťou servisného pracovníka počas výkonu činnosti uvedených v bode 2.1 až 2.4</t>
  </si>
  <si>
    <t>bez náhradných dielov</t>
  </si>
  <si>
    <t>Požaduje sa poskytovať službu na pracovisku objednávateľa</t>
  </si>
  <si>
    <t>Požaduje sa vykonávať servisnú starostlivosť v pracovných dňoch v čase od 07:00 hod. do 17:00 hod, ak sa zmluvné strany nedohodnú inak.</t>
  </si>
  <si>
    <t>Požaduje sa, aby v prípade vykonania opravy, na ktorú objednávateľ dodávateľa vopred upozorní, bola oprava vykonaná nasledovne:</t>
  </si>
  <si>
    <t>nástup na výkon opravy do 24 hodín od nahlásenia vady/poruchy v pracovných dňoch v čase od 07:00 hod. do 17:00 hod.,</t>
  </si>
  <si>
    <t>výkon samotnej opravy do 72 hodín od nahlásenia vady/poruchy v pracovných dňoch v čase od 07:00 hod. do 17:00 hod., okrem prípadu, ak sa zmluvné strany nedohodnú inak alebo ak na výkon opravy je potrebný náhradný diel, súčiastka alebo iná vec, ktorej obstaranie alebo vykonanie trvá viac ako 72 hod.,</t>
  </si>
  <si>
    <t>Požaduje sa, aby po ukončení konkrétnej činnosti servisnej starostlivosti si servisný pracovník nechal potvrdiť rozsah poskytnutej služby s uvedením dátumu poskytnutej služby u zodpovednej osoby objednávateľa. Jedna kópia takto potvrdenej služby ostáva k dispozícii objednávateľovi.</t>
  </si>
  <si>
    <t>Požaduje sa službu podľa tejto zmluvy vykonávať v súlade so známymi a najnovšími technologickými poznatkami výrobcu systému.</t>
  </si>
  <si>
    <t>Požaduje sa garantovať prevádzkyschopnosť zariadení minimálne 95% počas doby poskytovania služieb v zmysle tejto zmluvy.</t>
  </si>
  <si>
    <t>Požaduje sa, aby počas trvania tejto zmluvy dodávateľ vykonával autorizovaný servis.</t>
  </si>
  <si>
    <t>Požaduje sa, aby počas trvania zmluvy dodávateľ vykonával činnosti uvedené v tejto zmluve prostredníctvom osôb / servisných technikov s odborným vyškolením výrobcom prístroja.</t>
  </si>
  <si>
    <t>Požaduje sa, aby dodávateľ mal počas trvania tejto zmluvy uzatvorenú zmluvu o poistení zodpovednosti za škodu spôsobenú v súvislosti s poskytovaním služieb servisnej starostlivosti podľa tejto zmluvy s poistným krytím minimálne vo výške zmluvnej ceny za služby servisnej starostlivosti.</t>
  </si>
  <si>
    <t>Pravidelné preškolenie podľa platnej legislatívy v rámci pozáručného servisu.</t>
  </si>
  <si>
    <t>Položka č.2 - Pozáručný servis pre položku č.1</t>
  </si>
  <si>
    <t>Sterilizačné médium:  peroxid vodíka H2O2 s predným plnením</t>
  </si>
  <si>
    <t>Dvojdverové prekladacie prevedenie s automatickými posuvnými dverami, bez nutnosti manuálneho ovládača.</t>
  </si>
  <si>
    <t>Rozmery využiteľného priestoru komory (výška x šírka x hĺbka):  minimálne 400 mm x 400 mm x 700 mm</t>
  </si>
  <si>
    <t>Využiteľný objem komory (komora obdĺžnikového prierezu):  minimálne 110 litrov</t>
  </si>
  <si>
    <t>Vonkajšie rozmery prístroja na kolieskach (výška x šírka x hĺbka):  maximálne 1910 mm x 700 mm x 870 mm</t>
  </si>
  <si>
    <t>Celková hmotnosť prístroja (tlak na podlahu/na pôdorys):  maximálne je 500 kg</t>
  </si>
  <si>
    <t>Vysúvateľné police v komore sterilizátora:</t>
  </si>
  <si>
    <t>7.1</t>
  </si>
  <si>
    <t xml:space="preserve">Počet:  minimálne 2 </t>
  </si>
  <si>
    <t>7.2</t>
  </si>
  <si>
    <t>Nosnosť každej police:  minimálne 5 kg</t>
  </si>
  <si>
    <t>Sterilizačná teplota: maximálne 56°C</t>
  </si>
  <si>
    <t>Minimálne tri typy sterilizačných procesov:</t>
  </si>
  <si>
    <t>9.1</t>
  </si>
  <si>
    <t>Rýchly režim pre povrchovú dezinfekciu s maximálnym časom trvania procesu 35 minút</t>
  </si>
  <si>
    <t>9.2</t>
  </si>
  <si>
    <t>Štandardný režim s maximálnym časom trvania procesu 50 minút</t>
  </si>
  <si>
    <t>9.3</t>
  </si>
  <si>
    <t>Režim pre dutinkové pomôcky s maximálnym časov trvania procesu 60 minút</t>
  </si>
  <si>
    <t>Počet realizovateľných sterilizačných procesov na 1 kazetu alebo medium bez nutnosti fyzickej výmeny:  minimálne 20</t>
  </si>
  <si>
    <t>Životnosť sterilizačného media alebo kazety v nádobe so sterilizátora:</t>
  </si>
  <si>
    <t>v neotvorenom stave:  minimálne 12 mesiacov</t>
  </si>
  <si>
    <t>po otvorení:  minimálne 1 mesiac</t>
  </si>
  <si>
    <t>Veľkosť obrazovky dotykového ovládacieho panelu:  minimálne 15 cm</t>
  </si>
  <si>
    <t>Výkon vákuovej integrovanej pumpy:  minimálne 2,2 kW</t>
  </si>
  <si>
    <t>Interný HEPA filter:</t>
  </si>
  <si>
    <t>účinnosť zachytenia častíc:  minimálne 99,97 %</t>
  </si>
  <si>
    <t>15.2</t>
  </si>
  <si>
    <t>veľkosť:  od 0,3 µm</t>
  </si>
  <si>
    <t>Homogénne rozloženie plazmy v komore.</t>
  </si>
  <si>
    <t>Dosiahnutie úrovne sterilizácie SAL 10-6 (podľa EN14937) v polovici sterilizačného cyklu.</t>
  </si>
  <si>
    <t>Sterilizácia termolabilných aj termostabilných zdravotníckych pomôcok za minimálnej vlhkosti (plných, dutých, kovových, optických, z plastu aj z gumy).</t>
  </si>
  <si>
    <t>Dodávané sterilizačné médium peroxid vodíka v bezpečnostnej kazete s bezpečnou likvidáciou kaziet.</t>
  </si>
  <si>
    <t>Celá komora musí byť samostatne izolovaná od konštrukcie sterilizátora.</t>
  </si>
  <si>
    <t>Interný katalytický konvertor s monitorovaním a zabezpečením, že žiadne H2O2 sa nenachádza v odpadových látkach.</t>
  </si>
  <si>
    <t>Umiestnenie katalyzátora musí byť pred vákuovou pumpou pre zabezpečenie ochranu a dlhšej životnosti prístroja / pumpy.</t>
  </si>
  <si>
    <t>Funkcia nízkotlakového postupného zahrievania na 55°C ešte pred aplikáciou média pre prípravu inštrumentov, homogénne rozdelenie teploty a elimináciu vlhkosti.</t>
  </si>
  <si>
    <t>26.</t>
  </si>
  <si>
    <t>Technológia na rozkladanie zvyškového peroxidu.</t>
  </si>
  <si>
    <t>27.</t>
  </si>
  <si>
    <t>Elektrické otváranie dverí komory - sklopné posunom dole. Bez zaberania priestoru s automatickým zámkom a monitoringom tlaku v komore.</t>
  </si>
  <si>
    <t>28.</t>
  </si>
  <si>
    <t>Jednoduché ovládanie v slovenskom alebo českom jazyku za pomoci farebného dotykového displeja.</t>
  </si>
  <si>
    <t>29.</t>
  </si>
  <si>
    <t>Vizuálne aj akustické alarmy.</t>
  </si>
  <si>
    <t>30.</t>
  </si>
  <si>
    <t xml:space="preserve">Minimálne alarmy: </t>
  </si>
  <si>
    <t>30.1</t>
  </si>
  <si>
    <t xml:space="preserve">prekročenie hmotnosti navážky v komore, </t>
  </si>
  <si>
    <t>30.2</t>
  </si>
  <si>
    <t xml:space="preserve">prekročenie vlhkosti, </t>
  </si>
  <si>
    <t>30.3</t>
  </si>
  <si>
    <t>detekcia celulózy.</t>
  </si>
  <si>
    <t>31.</t>
  </si>
  <si>
    <t>Automatická kontrola expirácie sterilizačného materiálu.</t>
  </si>
  <si>
    <t>32.</t>
  </si>
  <si>
    <t xml:space="preserve">Procesy steriliácie zahŕňajúce: </t>
  </si>
  <si>
    <t>32.1</t>
  </si>
  <si>
    <t xml:space="preserve">elimináciu zostatkovej vlhkosti a homogénnu distribúciu tepla, </t>
  </si>
  <si>
    <t>32.2</t>
  </si>
  <si>
    <t>rozprášenie media v komore,</t>
  </si>
  <si>
    <t>32.3</t>
  </si>
  <si>
    <t xml:space="preserve">dvojcyklový proces injektáže media , </t>
  </si>
  <si>
    <t>32.4</t>
  </si>
  <si>
    <t xml:space="preserve">eliminácia media pomocou plazmy (rozklad H2O2 na vodu a kyslík), </t>
  </si>
  <si>
    <t>32.5</t>
  </si>
  <si>
    <t>proces opätovnej eliminácie vlhkosti a sušenia suchým čistým  vzduchom a konečná kontrola zložiek v komore pred ukončením</t>
  </si>
  <si>
    <t>34.</t>
  </si>
  <si>
    <t>Archivácia procesov v pripojenom PC, s možnosťou exportu vybraných dát do externých zariadení (čítačka čiarového kódu).</t>
  </si>
  <si>
    <t>35.</t>
  </si>
  <si>
    <t>Interná tlačiareň pre tlač výstupných hlásení o priebehu procesu s ukladaním tlačových správ po dobu min. 5 rokov.</t>
  </si>
  <si>
    <t>36.</t>
  </si>
  <si>
    <t>Vzdialené servisné pripojenie, pre analýzu chyby aj bez nutnosti fyzickej prítomnosti technika.</t>
  </si>
  <si>
    <t>38.</t>
  </si>
  <si>
    <t>39.</t>
  </si>
  <si>
    <t>Minimálne uchovávané údaje v zmysle nariadenia EU:  Teplota komory 1, Teplota komory 2, Referenčná teplota roztoku, Teplota každých dverí, Tlak v komore, Teplota odparovača, Indikátor výkonu plazmy.</t>
  </si>
  <si>
    <t>40.</t>
  </si>
  <si>
    <t>Schválený proces výrobcom robotického inštrumentára DaVinci pre sterilizáciu robotických nástrojov.</t>
  </si>
  <si>
    <t>41.</t>
  </si>
  <si>
    <t xml:space="preserve">Alarmové hlásenia, minimálne: prekročená vlhkosť, prítomnosť  materiálov z celulózy, príprava media, príprava koncentrácie, chyba injektáže, chyba tlakovej difúzie, alarm teploty sterilizácie. </t>
  </si>
  <si>
    <t>42.</t>
  </si>
  <si>
    <t>Napájanie:  3 fázové /380-400 V (max. 3400 W)</t>
  </si>
  <si>
    <t>43.</t>
  </si>
  <si>
    <t>Bez potreby médií ako: voda, odpad, samostatné odvetranie</t>
  </si>
  <si>
    <t>44.</t>
  </si>
  <si>
    <t>Integrované rozhranie pre pripojenie do nezávislého centralizovaného systému pre sledovania sterilizačných procesov.</t>
  </si>
  <si>
    <t>Nízkoteplotný plazmový sterilizátor pre potreby sterilizácie pomôcok pri nízkych teplotách</t>
  </si>
  <si>
    <t>Položka č. 1 - Nízkoteplotný plazmový sterilizátor pre potreby sterilizácie pomôcok pri nízkych teplotách</t>
  </si>
  <si>
    <t>Počet kusov sterilizacného media alebo kaziet dodvaných spolu so sterilizátorom" : minimálne 1 ks</t>
  </si>
  <si>
    <t xml:space="preserve">Prístroj musí mať interný monitorovací systém pre dokumentáciu procesu s výstupom do elektronického systému záznamu údajov - nemocničný systém. </t>
  </si>
  <si>
    <t>Sterilizátor pre chemickú sterilizáciu vrátane pozáručného servisu</t>
  </si>
  <si>
    <t>Sterilizátor pre chemickú sterilizáciu vrátane pozáručného servisu.</t>
  </si>
  <si>
    <t>Požaduje sa uzatvorenie kúpnej zmluvy s pozáručným servisom.</t>
  </si>
  <si>
    <t>Požaduje sa splnenie predmetu zákazky:</t>
  </si>
  <si>
    <t>2.1.</t>
  </si>
  <si>
    <t>do 60 pracovných dní odo dňa nadobudnutia účinnosti uzatvorenej zmluvy (do termínu sa nezapočítavajú dni pracovného voľna, pracovného pokoja a štátne sviatky),</t>
  </si>
  <si>
    <t>2.2.</t>
  </si>
  <si>
    <t>v pracovných dňoch,</t>
  </si>
  <si>
    <t>2.3.</t>
  </si>
  <si>
    <t>v čase od 07:00 hod. do 14:30 hod.,</t>
  </si>
  <si>
    <t>2.4.</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2.5.</t>
  </si>
  <si>
    <t>po predchádzajúcom preukázateľnom upovedomení Objednávateľa minimálne 5 pracovných dní vopred tak, aby Objednávateľ mohol poskynúť potrebnú súčinnosť pri dodaní,</t>
  </si>
  <si>
    <t>2.6.</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tovar z krajiny EÚ (okrem SR), je Dodávateľ povinný uviesť v preberacom protokole, okrem náležitostí uvedených v predchádzajúcej vete, aj:
- kód tovaru podľa aktuálne platného colného sadzobníka,
- údaj o krajine pôvodu tovaru (t. j. krajina kde bol tovar vyrobený).</t>
  </si>
  <si>
    <t xml:space="preserve">Objednávateľ zabezpečí za účelom prevzatia prístroja prístup pre osoby poverené Dodávateľom na čas nevyhnutný na vyloženie, kompletizáciu a inštaláciu prístroja. </t>
  </si>
  <si>
    <t>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pstupcom Objednávateľa.</t>
  </si>
  <si>
    <t xml:space="preserve">Prevzatie dodaného prístroja je Objednávateľ povinný Dodávateľovi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Objednávateľ nadobudne vlastnícke právo k prístroju až po zaplatení celej kúpnej ceny za prístroj dohodnutú v zmluve. </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Dodávateľ poskytuje na prístroj a všetky jeho súčasti komplexnú záruku v trvaní 24 mesiacov odo dňa, kedy je prístroj uvedený do prevádzky. Uvedenie prístroja do prevádzky a začiatok plynutia záručnej doby sa potvrdí na preberacom protokole, ktorý podpíšu obe zmluvné strany, t.j. Dodávateľ a Objednávateľ, resp. ich oprávnení zástupcovia. Uvedená záručná doba sa automaticky predlžuje o dobu, po ktorú nemohol byť prístroj využívaný na účel, na ktorý je určený, a to z dôvodov na ktoré sa vzťahuje záruka. </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9.1.</t>
  </si>
  <si>
    <t>oprava vád a porúch prístroja, t. j. uvedenie prístroja do stavu plnej využiteľnosti vzhľadom k jeho technickým parametrom,</t>
  </si>
  <si>
    <t>9.2.</t>
  </si>
  <si>
    <t>dodávka a výmena všetkých potrebných náhradných dielov a súčiastok v prípade ich poruchy, ktoré sami o sebe majú kratšiu dobu životnosti, alebo kratšiu záručnú dobu, ako je záručná doba poskytovaná Dodávateľom,</t>
  </si>
  <si>
    <t>9.3.</t>
  </si>
  <si>
    <t xml:space="preserve">vykonanie štandardných vylepšení prístroja odporúčaných a predpísaných výrobcom prístroja podľa rozhodnutia Dodávateľa, vrátane vykonania servisných aktualizácií,
t. j. servisný update softwarového vybavenia prístroja, zároveň sa vyžaduje k splneniu uvedenej povinnosti poskytnutie súčinnosti Objednávateľa, </t>
  </si>
  <si>
    <t>9.4.</t>
  </si>
  <si>
    <t>dodávky a zabudovanie náhradných dielov, ktoré sú potrebné k riadnej a bezporuchovej prevádzke prístroja, vrátane demontáže, odvozu a likvidácie použitého a nepotrebného spotrebného materiálu a náhradných dielov,</t>
  </si>
  <si>
    <t>9.5.</t>
  </si>
  <si>
    <t>vykonanie validácií a kalibrácií prístroja (resp. jeho relevantných častí) s periodicitou podľa odporúčania výrobcu prístroja, minimálne však jedenkrát ročne,</t>
  </si>
  <si>
    <t>9.6.</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9.7.</t>
  </si>
  <si>
    <t>vykonanie ďalších servisných úkonov a činností predpísaných príslušnou právnou úpravou a aplikovateľnými normami,</t>
  </si>
  <si>
    <t>9.8.</t>
  </si>
  <si>
    <t>práce (servisné hodiny) a dojazdy servisných technikov Dodávateľa do miesta inštalácie prístroja v rámci zabezpečenia záručného servisu,</t>
  </si>
  <si>
    <t>9.9.</t>
  </si>
  <si>
    <t>vykonanie akýchkoľvek neplánovaných opráv a údržby, ktoré nevyplývajú zo servisného plánu výrobcu prístroja, ak takáto oprava je nevyhnutná za účelom zabezpečenia prevádzky prístroja, vrátane generálnej opravy,</t>
  </si>
  <si>
    <t>9.10.</t>
  </si>
  <si>
    <t xml:space="preserve">technická telefonická podpora v pracovných dňoch a zároveň poradenstvo pri prevádzkovaní prístroja prostredníctvom klientského pracoviska Dodávateľa 24 hodín denne a 7 dní v týždni, pričom Dodávateľ musí garantovať funkčnosť a prevádzku klientskeho pracoviska. </t>
  </si>
  <si>
    <t xml:space="preserve">Servisný technik Dodávateľa je povinný nastúpiť na odstránenie vady v mieste inštalácie prístroja do 24 hodín od nahlásenia v pracovný deň medzi 7:00 a 17:00 hod., resp. do 12:00 hod. nasledujúceho pracovného dňa, pokiaľ vada bola nahlásená po 17:00 hod. pracovného dňa alebo počas mimopracovného dňa. </t>
  </si>
  <si>
    <t>10.1.</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7:00 hod., resp. do 12:00 hod. nasledujúceho pracovného dňa, pokiaľ vada bola nahlásená po 17:00 hod. pracovného dňa alebo počas mimopracovného dňa.</t>
  </si>
  <si>
    <t>Dodávateľ je povinný počas trvania záručnej doby odstrániť vady v nasledujúcich lehotách od nástupu na opravu:</t>
  </si>
  <si>
    <t>11.1.</t>
  </si>
  <si>
    <t>oprava vady, pri ktorej nie je potrebná dodávka náhradného dielu najneskôr do 48 hodín,</t>
  </si>
  <si>
    <t>11.2.</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12.1.</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12.2.</t>
  </si>
  <si>
    <t>nedodržanie dohodnutých lehôt na odstránenie vady: 50,- € (slovom: päťdesiat EUR) za každú začatú hodinu omeškania, najviac však do výšky 5% kúpnej ceny prístroja, a to pre každý jednotlivý prípad omeškania Dodávateľa.</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prístroja tiež zaslaním e-mailovej správy na vyššie uvedenú e-mailovú adresu Dodávateľa.</t>
  </si>
  <si>
    <t>Záruka sa nevzťahuje na vady, ktoré spôsobí Objednávateľ neodbornou manipuláciou resp. používaním v rozpore s návodom na obsluhu. Záruka sa tiež nevzťahuje na vady, ktoré vzniknú v dôsledku živelnej pohromy, vyššej moci alebo vandalizmu.</t>
  </si>
  <si>
    <t>16.</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r>
      <t xml:space="preserve">Požaduje sa poskytovanie pozáručného servisu pre </t>
    </r>
    <r>
      <rPr>
        <sz val="10"/>
        <color rgb="FFFF0000"/>
        <rFont val="Arial"/>
        <family val="2"/>
        <charset val="238"/>
      </rPr>
      <t>položku č. 1</t>
    </r>
    <r>
      <rPr>
        <sz val="10"/>
        <rFont val="Arial"/>
        <family val="2"/>
        <charset val="238"/>
      </rPr>
      <t xml:space="preserve"> po dobu 5 rokov (60 kalendárnych mesiacov), pričom za začiatok tohto poskytovania sa považuje deň nasledujúci po poslednom dni záručnej doby.</t>
    </r>
  </si>
  <si>
    <t>Požaduje sa poskytovať službu na pracovisku Objednávateľa, pričom ak nie je možné službu na pracovisku vykonať, resp. je vhodnejšie realizovať ju na inom mieste (napr. na pracovisku Dodávateľa), takáto činnosť sa vykoná na náklady Dodávateľa na mieste určenom Dodávateľom, ktoré však bude vopred oznámené Objednávateľovi.</t>
  </si>
  <si>
    <t>Požaduje sa vykonávať pozáručnú servisnú starostlivosť v pracovných dňoch v čase od 07:00 hod. do 17:00 hod, ak sa Objednávateľ a Dodávateľ nedohodnú inak.</t>
  </si>
  <si>
    <t>Požaduje sa, aby v prípade vykonania opravy, na ktorú Objednávateľ Dodávateľa vopred upozorní, bola oprava vykonaná nasledovne:</t>
  </si>
  <si>
    <t>20.1.</t>
  </si>
  <si>
    <t>20.2.</t>
  </si>
  <si>
    <t>výkon samotnej opravy do 72 hodín od nahlásenia vady/poruchy v pracovných dňoch v čase od 07:00 hod. do 17:00 hod., okrem prípadu, ak sa Objednávateľ s Dodávateľom nedohodnú inak, alebo ak na výkon opravy je potrebný náhradný diel, súčiastka alebo iná vec, ktorej obstaranie, alebo vykonanie trvá viac ako 72 hodín.</t>
  </si>
  <si>
    <t>21.</t>
  </si>
  <si>
    <t>Požaduje sa, aby po ukončení konkrétnej činnosti pozáručnej servisnej starostlivosti si servisný pracovník nechal potvrdiť rozsah poskytnutej služby s uvedením dátumu poskytnutej služby u zodpovednej osoby Objednávateľa. Jedna kópia takto potvrdenej služby ostáva k dispozícii Objednávateľovi.</t>
  </si>
  <si>
    <t>Požaduje sa služby pozáručnej starostlivosti vykonávať v súlade so známymi a najnovšími technologickými poznatkami výrobcu prístroja.</t>
  </si>
  <si>
    <t>Požaduje sa garantovať prevádzkyschopnosť prístroja minimálne 95% doby počas poskytovania pozáručných služieb.</t>
  </si>
  <si>
    <t>Požaduje sa, aby počas trvania zmluvy Dodávateľ vykonával autorizovaný servis.</t>
  </si>
  <si>
    <t>Požaduje sa, aby počas trvania zmluvy Dodávateľ vykonával činnosti uvedené v zmluve prostredníctvom osôb/servisných technikov s odborným vyškolením výrobcom prístroja.</t>
  </si>
  <si>
    <t>Požaduje sa, aby Dodávateľ mal počas trvania zmluvy uzatvorenú zmluvu o poistení zodpovednosti za škodu spôsobenú v súvislosti s poskytovaním služieb pozáručnej servisnej starostlivosti podľa uzatvorenej zmluvy s poistným krytím minimálne vo výške zmluvnej ceny za služby pozáručnej servisnej starostlivosti.</t>
  </si>
  <si>
    <t>Požaduje sa vyhotovenie návrhu kalkulácie servisu v súlade s uzatvorenou zmluvou ku každej objednávke. Objednávateľ musí odsúhlasiť cenu a rozsah opravy, najneskôr v lehote do 3 kalendárnych dní odo dňa doručenia návrhu kalkulácie servisu. V prípade, ak súhlas v uvedenej lehote Dodávateľovi neoznámi alebo ak oznámi, že o opravu už nemá záujem, Dodávateľ je povinný prístroj Objednávateľovi bezodkladne vrátiť, čím objednávku Objednávateľa odmietne.</t>
  </si>
  <si>
    <t>Požaduje sa poskytnutie zodpovednosti za vady servisných služieb podľa Obchodného zákonníka a tiež záruky za akosť na servisné služby.</t>
  </si>
  <si>
    <t>Požaduje sa poskytnutie minimálne 3-mesačnej záručnej doby na servisné práce od vykonania opravy a 6-mesačnej záručnej doby na dodané náhradné diely od vykonania opravy.</t>
  </si>
  <si>
    <t>Dodávateľ za vady servisnej služby nezodpovedá v prípade, ak boli spôsobené:</t>
  </si>
  <si>
    <t>30.1.</t>
  </si>
  <si>
    <t>v dôsledku živelnej pohromy, vyššej moci alebo vandalizmu,</t>
  </si>
  <si>
    <t>30.2.</t>
  </si>
  <si>
    <t>inštaláciou, prevádzkou a údržbou prítroja v rozpore s návodom na obsluhu,</t>
  </si>
  <si>
    <t>30.3.</t>
  </si>
  <si>
    <t>neoprávneným zásahom tretích osôb,</t>
  </si>
  <si>
    <t>30.4.</t>
  </si>
  <si>
    <t>prevádzkovaním prístroja v prostredí, ktoré je v rozpore s technickými podmienkami stanovenými výrobcom, príp. Dodávateľom.</t>
  </si>
  <si>
    <t>Požaduje sa v prípade náhradných dielov v každom osobitnom prípade súhlas Objednávateľa s kúpu a montážou náhradného dielu a odsúhlasenie jeho ceny.</t>
  </si>
  <si>
    <t xml:space="preserve">V prípade, ak Objednávateľ na základe prieskumu trhu zistí, že: </t>
  </si>
  <si>
    <t xml:space="preserve">cenová ponuka iného dodávateľa je nižšia ako ponuka Dodávateľa, Objednávateľ vyzve Dodávateľa na rokovanie o znížení ceny náhradného dielu. Ak sa zmluvné strany na znížení ceny náhradného dielu nedohodnú, Objednávateľ je oprávnený náhradný diel zakúpiť od dodávateľa, ktorý v prieskume trhu ponúkol nižšiu cenu náhradného dielu, </t>
  </si>
  <si>
    <t xml:space="preserve">nedisponuje inou ponukou ako je ponuka Dodávateľa a zároveň cena náhradného dielu nie je vyššia ako 10% oproti cene uvedenej v Prílohe č. 1 - Kalkulácia ceny, Objednávateľ je oprávnený pristúpiť k vystaveniu objednávky. </t>
  </si>
  <si>
    <t>33.</t>
  </si>
  <si>
    <t>Požaduje sa, aby výsledná cena predmetu zákazky ponúknutá Dodávateľom bola v súlade s aktuálne (t.j. v čase lehoty na predkladanie ponúk) obvyklou trhovou cenou predmetu zákazky.</t>
  </si>
  <si>
    <t>Požaduje sa možnosť uplatnenia si náhrady škody u Dodávateľa vo výške vzniknutého finančného rozdielu výslednej ceny predmetu zákazky a obvyklej trhovej ceny predmetu zákazky v prípade nedodržania vyššie uvedenej požiadavky.</t>
  </si>
  <si>
    <t>Požaduje sa dohodnutie kúpnej ceny za prístroj a zmluvnej ceny za pozáručný servis v súlade so zákonom č. 18/1996 Z. z. o cenách v znení neskorších predpisov a vyhláškou č. 87/1996 Z. z., ktorou sa vykonáva zákon č. 18/1996 Z. z. o cenách, pričom budú maximálnymi a záväznými počas platnosti uzatvorenej zmluvy.</t>
  </si>
  <si>
    <r>
      <t xml:space="preserve">Dodávateľ je povinný k faktúre za dodanie prístroja priložiť kópiu preberacieho protokolu ako jej povinnú prílohu, okrem prípadov, kedy je faktúra doručená zároveň s preberacím protokolom. Povinnou súčasťou faktúry za služby, ktoré sú predmetom </t>
    </r>
    <r>
      <rPr>
        <sz val="10"/>
        <color rgb="FFFF0000"/>
        <rFont val="Arial"/>
        <family val="2"/>
        <charset val="238"/>
      </rPr>
      <t xml:space="preserve">položky č. 2 </t>
    </r>
    <r>
      <rPr>
        <sz val="10"/>
        <rFont val="Arial"/>
        <family val="2"/>
        <charset val="238"/>
      </rPr>
      <t>je zmluvnými stranami potvrdený rozsah poskytnutej služby s uvedením dátumu jej poskytnutia v príslušnom kalendárnom mesiaci.</t>
    </r>
  </si>
  <si>
    <t>37.</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r>
      <t xml:space="preserve">Pozáručný servis (služby, ktoré sú predmetom </t>
    </r>
    <r>
      <rPr>
        <sz val="10"/>
        <color rgb="FFFF0000"/>
        <rFont val="Arial"/>
        <family val="2"/>
        <charset val="238"/>
      </rPr>
      <t>položky č. 2</t>
    </r>
    <r>
      <rPr>
        <sz val="10"/>
        <rFont val="Arial"/>
        <family val="2"/>
        <charset val="238"/>
      </rPr>
      <t>) bude hradený formou mesačných paušálnych odmien uvedených v Prílohe č. 1 - Kalkulácia ceny.</t>
    </r>
  </si>
  <si>
    <r>
      <t xml:space="preserve">Požaduje sa v zmysle § 340b ods. 5 zákona č. 513/1991 Z. z. Obchodného zákonníka v znení neskorších predpisov splatnosť faktúry v lehote 60 kalendárnych dní odo dňa jej doručenia Objednávateľovi. V prípade úhrady faktúry za dodanie prístroja Objednávateľom do 14 kalendárnych dní odo dňa jej doručenia Objednávateľovi sa Dodávateľ zaväzuje vystaviť dobropis vo výške ... %*  z faktúrovanej sumy.                                                                                                                                                             </t>
    </r>
    <r>
      <rPr>
        <sz val="8"/>
        <rFont val="Arial"/>
        <family val="2"/>
        <charset val="238"/>
      </rPr>
      <t>*V prípade, ak sa predávajúci rozhodne kupujúcemu poskytnúť zľavu za tzv. predčasnú úhradu (t.j. úhradu pred uplynutím lehoty splatnosti), uvedie výšku %, v akej bude zľava z fakturovanej sumy poskytnutá. Ak takúto zľavu predávajúci nechce poskytnúť, uvedie 0%.</t>
    </r>
  </si>
  <si>
    <t>Kúpna cena prístroja zahŕňa aj služby spojené s jeho dodaním, t.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 ako aj poskytovanie záručného servisu v mieste inštalácie.</t>
  </si>
  <si>
    <t>Zmluvná cena za pozáručný servis zahŕňa celkovú logistiku súvisiacu so servisom prístroja, dopravné a balné náklady, vrátane cestovných nákladov servisného technika do miesta dodania služby a späť a zároveň zvoz do servisného centra a dovoz opraveného prístroja.</t>
  </si>
  <si>
    <r>
      <t>V prípade, ak sa po uzatvorení zmluvy preukáže, že na relevantnom trhu existuje cena (ďalej tiež ako "nižšia cena") za rovnaké alebo porovnateľné plnenie pre</t>
    </r>
    <r>
      <rPr>
        <sz val="10"/>
        <color rgb="FFFF0000"/>
        <rFont val="Arial"/>
        <family val="2"/>
        <charset val="238"/>
      </rPr>
      <t xml:space="preserve"> položku č. 2</t>
    </r>
    <r>
      <rPr>
        <sz val="10"/>
        <rFont val="Arial"/>
        <family val="2"/>
        <charset val="238"/>
      </rPr>
      <t xml:space="preserve"> ako je obsiahnuté v uzatvorenej zmluve a Dodávateľ už preukázateľne v minulosti za takúto nižšiu cenu plnenie poskytol, resp. ešte stále poskytuje, pričom rozdiel medzi nižšou cenou a cenou podľa zmluvy bude viac ako 5 % v neprospech ceny podľa zmluvy, zaväzuje sa Dodávateľ poskytnúť Objednávateľovi pre takéto plnenie objednané po preukázaní tejto skutočnosti dodatočnú zľavu vo výške rozdielu medzi ním poskytovanou cenou podľa zmluvy a nižšou cenou.  </t>
    </r>
  </si>
  <si>
    <t>Dodávateľ je povinný bezodkladne, najneskôr však do 5 pracovných dní od preukázania skutočnosti uvedenej v predchádzajúcom bode, doručiť Objednávateľovi dodatok, predmetom, ktorého bude upravená cena. V prípade, ak v uvedenej lehote nebude dodatok Objednávateľovi doručený, vyhradzuje si Objednávateľ právo zmluvu vypovedať s výpovednou lehotou 1 mesiac. Výpovedná doba začína plynúť od prvého dňa kalendárneho mesiaca nasledujúceho po doručení výpovede a skončí sa uplynutím posledného dňa príslušného kalendárneho mesiaca.</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45.</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zmluvy. Účinky odstúpenia nastanú dňom doručenia oznámenia druhej Zmluvnej strane.</t>
  </si>
  <si>
    <t>46.</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47.</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y. V opačnom prípade Objednávateľovi zodpovedá za škodu, ktorá Objednávateľovi vznikla porušením tejto povinnosti.</t>
  </si>
  <si>
    <t>48.</t>
  </si>
  <si>
    <t>Požaduje sa, aby sa Dodávateľ po uzatvorení zmluvy oboznámil s Etickým kódexom obchodných partnerov Objednávateľa zverejnenom na na internetovej stránke: www.vusch.sk/eticky-kodex/. Požaduje sa dodržiavanie etických zásad uvedených v Etickom kódexe Objednávateľa.</t>
  </si>
  <si>
    <t>49.</t>
  </si>
  <si>
    <t>V prípade, ak sa na predmet zákazky vykonala prípravná trhová konzultácia, informácie k prípravnej trhovej konzultácie verejný obstarávateľ zverejňuje na internetovej stránke: www.vusch.sk/verejne-obstaravanie/</t>
  </si>
  <si>
    <t>xxx</t>
  </si>
</sst>
</file>

<file path=xl/styles.xml><?xml version="1.0" encoding="utf-8"?>
<styleSheet xmlns="http://schemas.openxmlformats.org/spreadsheetml/2006/main" xmlns:mc="http://schemas.openxmlformats.org/markup-compatibility/2006" xmlns:x14ac="http://schemas.microsoft.com/office/spreadsheetml/2009/9/ac" mc:Ignorable="x14ac">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8"/>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tint="-0.14999847407452621"/>
        <bgColor indexed="64"/>
      </patternFill>
    </fill>
    <fill>
      <patternFill patternType="solid">
        <fgColor theme="0"/>
        <bgColor indexed="64"/>
      </patternFill>
    </fill>
  </fills>
  <borders count="44">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auto="1"/>
      </left>
      <right/>
      <top style="thin">
        <color auto="1"/>
      </top>
      <bottom style="medium">
        <color indexed="64"/>
      </bottom>
      <diagonal/>
    </border>
    <border>
      <left/>
      <right style="medium">
        <color indexed="64"/>
      </right>
      <top style="thin">
        <color auto="1"/>
      </top>
      <bottom style="thin">
        <color auto="1"/>
      </bottom>
      <diagonal/>
    </border>
    <border>
      <left/>
      <right style="medium">
        <color indexed="64"/>
      </right>
      <top style="thin">
        <color auto="1"/>
      </top>
      <bottom style="medium">
        <color indexed="64"/>
      </bottom>
      <diagonal/>
    </border>
    <border>
      <left style="medium">
        <color auto="1"/>
      </left>
      <right style="thin">
        <color auto="1"/>
      </right>
      <top style="dotted">
        <color auto="1"/>
      </top>
      <bottom style="dotted">
        <color auto="1"/>
      </bottom>
      <diagonal/>
    </border>
    <border>
      <left style="thin">
        <color auto="1"/>
      </left>
      <right/>
      <top style="thin">
        <color auto="1"/>
      </top>
      <bottom style="dotted">
        <color auto="1"/>
      </bottom>
      <diagonal/>
    </border>
    <border>
      <left style="thin">
        <color auto="1"/>
      </left>
      <right/>
      <top style="dotted">
        <color auto="1"/>
      </top>
      <bottom style="dotted">
        <color auto="1"/>
      </bottom>
      <diagonal/>
    </border>
    <border>
      <left style="medium">
        <color auto="1"/>
      </left>
      <right style="thin">
        <color auto="1"/>
      </right>
      <top style="dotted">
        <color auto="1"/>
      </top>
      <bottom style="thin">
        <color indexed="64"/>
      </bottom>
      <diagonal/>
    </border>
    <border>
      <left style="thin">
        <color auto="1"/>
      </left>
      <right/>
      <top style="dotted">
        <color auto="1"/>
      </top>
      <bottom style="thin">
        <color auto="1"/>
      </bottom>
      <diagonal/>
    </border>
    <border>
      <left style="medium">
        <color auto="1"/>
      </left>
      <right style="thin">
        <color auto="1"/>
      </right>
      <top/>
      <bottom style="thin">
        <color auto="1"/>
      </bottom>
      <diagonal/>
    </border>
    <border>
      <left style="medium">
        <color auto="1"/>
      </left>
      <right style="thin">
        <color auto="1"/>
      </right>
      <top style="thin">
        <color auto="1"/>
      </top>
      <bottom style="dotted">
        <color auto="1"/>
      </bottom>
      <diagonal/>
    </border>
    <border>
      <left style="thin">
        <color auto="1"/>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style="thin">
        <color auto="1"/>
      </right>
      <top style="dotted">
        <color auto="1"/>
      </top>
      <bottom style="dotted">
        <color auto="1"/>
      </bottom>
      <diagonal/>
    </border>
    <border>
      <left style="thin">
        <color auto="1"/>
      </left>
      <right style="medium">
        <color indexed="64"/>
      </right>
      <top style="dotted">
        <color auto="1"/>
      </top>
      <bottom style="dotted">
        <color auto="1"/>
      </bottom>
      <diagonal/>
    </border>
    <border>
      <left style="thin">
        <color auto="1"/>
      </left>
      <right style="thin">
        <color auto="1"/>
      </right>
      <top style="dotted">
        <color auto="1"/>
      </top>
      <bottom style="thin">
        <color auto="1"/>
      </bottom>
      <diagonal/>
    </border>
    <border>
      <left style="thin">
        <color auto="1"/>
      </left>
      <right style="medium">
        <color indexed="64"/>
      </right>
      <top style="dotted">
        <color auto="1"/>
      </top>
      <bottom style="thin">
        <color auto="1"/>
      </bottom>
      <diagonal/>
    </border>
    <border>
      <left/>
      <right style="medium">
        <color indexed="64"/>
      </right>
      <top style="thin">
        <color auto="1"/>
      </top>
      <bottom style="dotted">
        <color auto="1"/>
      </bottom>
      <diagonal/>
    </border>
    <border>
      <left/>
      <right style="medium">
        <color indexed="64"/>
      </right>
      <top style="dotted">
        <color auto="1"/>
      </top>
      <bottom style="dotted">
        <color auto="1"/>
      </bottom>
      <diagonal/>
    </border>
    <border>
      <left/>
      <right style="medium">
        <color indexed="64"/>
      </right>
      <top style="dotted">
        <color auto="1"/>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7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0" xfId="0" applyFont="1" applyFill="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0" fontId="4" fillId="0" borderId="20" xfId="0" applyFont="1" applyFill="1" applyBorder="1" applyAlignment="1">
      <alignment horizontal="left" vertical="center"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0" fontId="13" fillId="0" borderId="10" xfId="0"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0" fontId="2" fillId="0" borderId="20"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0" fontId="3" fillId="0" borderId="20" xfId="0" applyFont="1" applyFill="1" applyBorder="1" applyAlignment="1">
      <alignment horizontal="left" vertical="center" wrapText="1"/>
    </xf>
    <xf numFmtId="16" fontId="5" fillId="0" borderId="0" xfId="0" applyNumberFormat="1" applyFont="1" applyFill="1" applyAlignment="1">
      <alignment horizontal="left" vertical="top" wrapText="1"/>
    </xf>
    <xf numFmtId="49" fontId="4" fillId="0" borderId="10" xfId="0" applyNumberFormat="1" applyFont="1" applyFill="1" applyBorder="1" applyAlignment="1">
      <alignment vertical="center" wrapText="1"/>
    </xf>
    <xf numFmtId="49" fontId="2" fillId="0" borderId="8" xfId="0" applyNumberFormat="1" applyFont="1" applyFill="1" applyBorder="1" applyAlignment="1">
      <alignment horizontal="left" vertical="center"/>
    </xf>
    <xf numFmtId="49" fontId="2" fillId="0" borderId="8" xfId="0" applyNumberFormat="1" applyFont="1" applyFill="1" applyBorder="1" applyAlignment="1">
      <alignment horizontal="center" vertical="center"/>
    </xf>
    <xf numFmtId="49" fontId="4" fillId="0" borderId="20" xfId="0" applyNumberFormat="1" applyFont="1" applyFill="1" applyBorder="1" applyAlignment="1">
      <alignment vertical="center" wrapText="1"/>
    </xf>
    <xf numFmtId="49" fontId="2" fillId="0" borderId="11" xfId="0" applyNumberFormat="1" applyFont="1" applyFill="1" applyBorder="1" applyAlignment="1">
      <alignment horizontal="left" vertical="center"/>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2" fillId="0" borderId="5" xfId="0" applyNumberFormat="1" applyFont="1" applyBorder="1" applyAlignment="1">
      <alignment horizontal="left" vertical="center" wrapText="1"/>
    </xf>
    <xf numFmtId="49" fontId="2" fillId="0" borderId="26" xfId="0" applyNumberFormat="1" applyFont="1" applyBorder="1" applyAlignment="1">
      <alignment horizontal="left"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4" fillId="0" borderId="0" xfId="0" applyNumberFormat="1" applyFont="1" applyFill="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4" fillId="0" borderId="0" xfId="0" applyFont="1" applyAlignment="1">
      <alignment horizontal="left" vertical="top" wrapText="1"/>
    </xf>
    <xf numFmtId="0" fontId="2" fillId="0" borderId="0" xfId="0" applyFont="1" applyAlignment="1">
      <alignment horizontal="left" wrapText="1"/>
    </xf>
    <xf numFmtId="49" fontId="2" fillId="0" borderId="25" xfId="0" applyNumberFormat="1" applyFont="1" applyBorder="1" applyAlignment="1">
      <alignment horizontal="left" vertical="center" wrapText="1"/>
    </xf>
    <xf numFmtId="49" fontId="2" fillId="0" borderId="27" xfId="0" applyNumberFormat="1" applyFont="1" applyBorder="1" applyAlignment="1">
      <alignment horizontal="left"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49" fontId="5" fillId="6" borderId="22" xfId="0" applyNumberFormat="1" applyFont="1" applyFill="1" applyBorder="1" applyAlignment="1">
      <alignment horizontal="left" vertical="center" wrapText="1"/>
    </xf>
    <xf numFmtId="49" fontId="5" fillId="6" borderId="23" xfId="0" applyNumberFormat="1" applyFont="1" applyFill="1" applyBorder="1" applyAlignment="1">
      <alignment horizontal="left" vertical="center" wrapText="1"/>
    </xf>
    <xf numFmtId="49" fontId="5" fillId="6" borderId="24" xfId="0" applyNumberFormat="1" applyFont="1" applyFill="1" applyBorder="1" applyAlignment="1">
      <alignment horizontal="left" vertical="center" wrapText="1"/>
    </xf>
    <xf numFmtId="49" fontId="2" fillId="0" borderId="20" xfId="0" applyNumberFormat="1" applyFont="1" applyBorder="1" applyAlignment="1">
      <alignment horizontal="center" vertical="center" wrapText="1"/>
    </xf>
    <xf numFmtId="49" fontId="2" fillId="0" borderId="21" xfId="0" applyNumberFormat="1" applyFont="1" applyBorder="1" applyAlignment="1">
      <alignment horizontal="center" vertical="center" wrapText="1"/>
    </xf>
    <xf numFmtId="49" fontId="2" fillId="0" borderId="22" xfId="0" applyNumberFormat="1" applyFont="1" applyBorder="1" applyAlignment="1">
      <alignment horizontal="center" vertical="center" wrapText="1"/>
    </xf>
    <xf numFmtId="0" fontId="4" fillId="0" borderId="5" xfId="0" applyFont="1" applyBorder="1" applyAlignment="1">
      <alignment vertical="center" wrapText="1"/>
    </xf>
    <xf numFmtId="0" fontId="4" fillId="7" borderId="5" xfId="0" applyFont="1" applyFill="1" applyBorder="1" applyAlignment="1">
      <alignment vertical="center" wrapText="1"/>
    </xf>
    <xf numFmtId="49" fontId="2" fillId="7" borderId="28" xfId="0" applyNumberFormat="1" applyFont="1" applyFill="1" applyBorder="1" applyAlignment="1">
      <alignment horizontal="right" vertical="center" wrapText="1"/>
    </xf>
    <xf numFmtId="0" fontId="4" fillId="7" borderId="29" xfId="0" applyFont="1" applyFill="1" applyBorder="1" applyAlignment="1">
      <alignment vertical="center" wrapText="1"/>
    </xf>
    <xf numFmtId="0" fontId="4" fillId="7" borderId="30" xfId="0" applyFont="1" applyFill="1" applyBorder="1" applyAlignment="1">
      <alignment vertical="center" wrapText="1"/>
    </xf>
    <xf numFmtId="49" fontId="2" fillId="7" borderId="31" xfId="0" applyNumberFormat="1" applyFont="1" applyFill="1" applyBorder="1" applyAlignment="1">
      <alignment horizontal="right" vertical="center" wrapText="1"/>
    </xf>
    <xf numFmtId="0" fontId="4" fillId="7" borderId="32" xfId="0" applyFont="1" applyFill="1" applyBorder="1" applyAlignment="1">
      <alignment vertical="center" wrapText="1"/>
    </xf>
    <xf numFmtId="49" fontId="2" fillId="0" borderId="33" xfId="0" applyNumberFormat="1" applyFont="1" applyFill="1" applyBorder="1" applyAlignment="1">
      <alignment horizontal="center" vertical="center" wrapText="1"/>
    </xf>
    <xf numFmtId="0" fontId="4" fillId="0" borderId="5" xfId="0" applyFont="1" applyFill="1" applyBorder="1" applyAlignment="1">
      <alignment vertical="center" wrapText="1"/>
    </xf>
    <xf numFmtId="49" fontId="2" fillId="0" borderId="28" xfId="0" applyNumberFormat="1" applyFont="1" applyFill="1" applyBorder="1" applyAlignment="1">
      <alignment horizontal="right" vertical="center" wrapText="1"/>
    </xf>
    <xf numFmtId="49" fontId="2" fillId="0" borderId="34" xfId="0" applyNumberFormat="1" applyFont="1" applyFill="1" applyBorder="1" applyAlignment="1">
      <alignment horizontal="center" vertical="center" wrapText="1"/>
    </xf>
    <xf numFmtId="49" fontId="2" fillId="7" borderId="34" xfId="0" applyNumberFormat="1" applyFont="1" applyFill="1" applyBorder="1" applyAlignment="1">
      <alignment horizontal="center" vertical="center" wrapText="1"/>
    </xf>
    <xf numFmtId="0" fontId="2" fillId="0" borderId="35" xfId="0" applyNumberFormat="1" applyFont="1" applyBorder="1" applyAlignment="1">
      <alignment horizontal="center" vertical="center" wrapText="1"/>
    </xf>
    <xf numFmtId="0" fontId="2" fillId="0" borderId="35" xfId="0" applyFont="1" applyFill="1" applyBorder="1" applyAlignment="1">
      <alignment horizontal="left" vertical="center" wrapText="1"/>
    </xf>
    <xf numFmtId="0" fontId="2" fillId="0" borderId="36" xfId="0" applyFont="1" applyFill="1" applyBorder="1" applyAlignment="1">
      <alignment horizontal="left" vertical="center" wrapText="1"/>
    </xf>
    <xf numFmtId="0" fontId="2" fillId="0" borderId="37" xfId="0" applyNumberFormat="1" applyFont="1" applyBorder="1" applyAlignment="1">
      <alignment horizontal="center" vertical="center" wrapText="1"/>
    </xf>
    <xf numFmtId="0" fontId="2" fillId="0" borderId="37" xfId="0" applyFont="1" applyFill="1" applyBorder="1" applyAlignment="1">
      <alignment horizontal="left" vertical="center" wrapText="1"/>
    </xf>
    <xf numFmtId="0" fontId="2" fillId="0" borderId="38" xfId="0" applyFont="1" applyFill="1" applyBorder="1" applyAlignment="1">
      <alignment horizontal="left" vertical="center" wrapText="1"/>
    </xf>
    <xf numFmtId="0" fontId="2" fillId="0" borderId="39" xfId="0" applyNumberFormat="1" applyFont="1" applyBorder="1" applyAlignment="1">
      <alignment horizontal="center" vertical="center" wrapText="1"/>
    </xf>
    <xf numFmtId="0" fontId="2" fillId="0" borderId="39" xfId="0" applyFont="1" applyFill="1" applyBorder="1" applyAlignment="1">
      <alignment horizontal="left" vertical="center" wrapText="1"/>
    </xf>
    <xf numFmtId="0" fontId="2" fillId="0" borderId="40" xfId="0" applyFont="1" applyFill="1" applyBorder="1" applyAlignment="1">
      <alignment horizontal="left" vertical="center" wrapText="1"/>
    </xf>
    <xf numFmtId="0" fontId="2" fillId="0" borderId="35" xfId="0" applyFont="1" applyFill="1" applyBorder="1" applyAlignment="1">
      <alignment horizontal="center" vertical="center" wrapText="1"/>
    </xf>
    <xf numFmtId="0" fontId="2" fillId="0" borderId="36" xfId="0" applyFont="1" applyFill="1" applyBorder="1" applyAlignment="1">
      <alignment horizontal="center" vertical="center" wrapText="1"/>
    </xf>
    <xf numFmtId="0" fontId="4" fillId="7" borderId="35" xfId="0" applyFont="1" applyFill="1" applyBorder="1" applyAlignment="1">
      <alignment vertical="center" wrapText="1"/>
    </xf>
    <xf numFmtId="0" fontId="4" fillId="7" borderId="37" xfId="0" applyFont="1" applyFill="1" applyBorder="1" applyAlignment="1">
      <alignment vertical="center" wrapText="1"/>
    </xf>
    <xf numFmtId="49" fontId="2" fillId="0" borderId="31" xfId="0" applyNumberFormat="1" applyFont="1" applyFill="1" applyBorder="1" applyAlignment="1">
      <alignment horizontal="right" vertical="center" wrapText="1"/>
    </xf>
    <xf numFmtId="0" fontId="4" fillId="7" borderId="39" xfId="0" applyFont="1" applyFill="1" applyBorder="1" applyAlignment="1">
      <alignment vertical="center" wrapText="1"/>
    </xf>
    <xf numFmtId="49" fontId="2" fillId="0" borderId="34" xfId="0" applyNumberFormat="1" applyFont="1" applyFill="1" applyBorder="1" applyAlignment="1">
      <alignment horizontal="left" vertical="center"/>
    </xf>
    <xf numFmtId="49" fontId="4" fillId="0" borderId="35" xfId="0" applyNumberFormat="1" applyFont="1" applyFill="1" applyBorder="1" applyAlignment="1">
      <alignment vertical="center" wrapText="1"/>
    </xf>
    <xf numFmtId="49" fontId="2" fillId="0" borderId="35" xfId="0" applyNumberFormat="1" applyFont="1" applyBorder="1" applyAlignment="1">
      <alignment horizontal="center" vertical="center" wrapText="1"/>
    </xf>
    <xf numFmtId="49" fontId="2" fillId="0" borderId="36" xfId="0" applyNumberFormat="1" applyFont="1" applyBorder="1" applyAlignment="1">
      <alignment horizontal="center" vertical="center" wrapText="1"/>
    </xf>
    <xf numFmtId="49" fontId="2" fillId="0" borderId="28" xfId="0" applyNumberFormat="1" applyFont="1" applyFill="1" applyBorder="1" applyAlignment="1">
      <alignment horizontal="center" vertical="center"/>
    </xf>
    <xf numFmtId="49" fontId="4" fillId="0" borderId="37" xfId="0" applyNumberFormat="1" applyFont="1" applyFill="1" applyBorder="1" applyAlignment="1">
      <alignment vertical="center" wrapText="1"/>
    </xf>
    <xf numFmtId="49" fontId="2" fillId="0" borderId="37" xfId="0" applyNumberFormat="1" applyFont="1" applyBorder="1" applyAlignment="1">
      <alignment horizontal="center" vertical="center" wrapText="1"/>
    </xf>
    <xf numFmtId="49" fontId="2" fillId="0" borderId="38" xfId="0" applyNumberFormat="1" applyFont="1" applyBorder="1" applyAlignment="1">
      <alignment horizontal="center" vertical="center" wrapText="1"/>
    </xf>
    <xf numFmtId="49" fontId="2" fillId="0" borderId="31" xfId="0" applyNumberFormat="1" applyFont="1" applyFill="1" applyBorder="1" applyAlignment="1">
      <alignment horizontal="center" vertical="center"/>
    </xf>
    <xf numFmtId="49" fontId="4" fillId="0" borderId="39" xfId="0" applyNumberFormat="1" applyFont="1" applyFill="1" applyBorder="1" applyAlignment="1">
      <alignment vertical="center" wrapText="1"/>
    </xf>
    <xf numFmtId="49" fontId="2" fillId="0" borderId="39" xfId="0" applyNumberFormat="1" applyFont="1" applyBorder="1" applyAlignment="1">
      <alignment horizontal="center" vertical="center" wrapText="1"/>
    </xf>
    <xf numFmtId="49" fontId="2" fillId="0" borderId="40" xfId="0" applyNumberFormat="1" applyFont="1" applyBorder="1" applyAlignment="1">
      <alignment horizontal="center" vertical="center" wrapText="1"/>
    </xf>
    <xf numFmtId="16" fontId="2" fillId="0" borderId="28" xfId="0" applyNumberFormat="1" applyFont="1" applyBorder="1" applyAlignment="1">
      <alignment horizontal="center" vertical="center"/>
    </xf>
    <xf numFmtId="49" fontId="2" fillId="0" borderId="29" xfId="0" applyNumberFormat="1" applyFont="1" applyBorder="1" applyAlignment="1">
      <alignment horizontal="left" vertical="center" wrapText="1"/>
    </xf>
    <xf numFmtId="49" fontId="2" fillId="0" borderId="41" xfId="0" applyNumberFormat="1" applyFont="1" applyBorder="1" applyAlignment="1">
      <alignment horizontal="left" vertical="center" wrapText="1"/>
    </xf>
    <xf numFmtId="49" fontId="2" fillId="0" borderId="30" xfId="0" applyNumberFormat="1" applyFont="1" applyBorder="1" applyAlignment="1">
      <alignment horizontal="left" vertical="center" wrapText="1"/>
    </xf>
    <xf numFmtId="49" fontId="2" fillId="0" borderId="42" xfId="0" applyNumberFormat="1" applyFont="1" applyBorder="1" applyAlignment="1">
      <alignment horizontal="left" vertical="center" wrapText="1"/>
    </xf>
    <xf numFmtId="49" fontId="2" fillId="0" borderId="28" xfId="0" applyNumberFormat="1" applyFont="1" applyFill="1" applyBorder="1" applyAlignment="1">
      <alignment horizontal="right" vertical="center"/>
    </xf>
    <xf numFmtId="49" fontId="2" fillId="0" borderId="32" xfId="0" applyNumberFormat="1" applyFont="1" applyBorder="1" applyAlignment="1">
      <alignment horizontal="left" vertical="center" wrapText="1"/>
    </xf>
    <xf numFmtId="49" fontId="2" fillId="0" borderId="43" xfId="0" applyNumberFormat="1" applyFont="1" applyBorder="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18">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1</xdr:col>
          <xdr:colOff>885825</xdr:colOff>
          <xdr:row>25</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1</xdr:col>
          <xdr:colOff>885825</xdr:colOff>
          <xdr:row>26</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9525</xdr:rowOff>
        </xdr:from>
        <xdr:to>
          <xdr:col>1</xdr:col>
          <xdr:colOff>885825</xdr:colOff>
          <xdr:row>33</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4</xdr:row>
          <xdr:rowOff>0</xdr:rowOff>
        </xdr:from>
        <xdr:to>
          <xdr:col>1</xdr:col>
          <xdr:colOff>885825</xdr:colOff>
          <xdr:row>34</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G247"/>
  <sheetViews>
    <sheetView showGridLines="0" tabSelected="1" zoomScaleNormal="100" workbookViewId="0">
      <selection activeCell="B1" sqref="B1:F1"/>
    </sheetView>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06" t="s">
        <v>49</v>
      </c>
      <c r="C1" s="106"/>
      <c r="D1" s="106"/>
      <c r="E1" s="106"/>
      <c r="F1" s="106"/>
    </row>
    <row r="2" spans="2:6" ht="27.75" customHeight="1" x14ac:dyDescent="0.2">
      <c r="B2" s="105" t="s">
        <v>47</v>
      </c>
      <c r="C2" s="105"/>
      <c r="D2" s="105"/>
      <c r="E2" s="105"/>
      <c r="F2" s="105"/>
    </row>
    <row r="3" spans="2:6" ht="54.75" customHeight="1" x14ac:dyDescent="0.2">
      <c r="B3" s="66" t="s">
        <v>53</v>
      </c>
      <c r="C3" s="66"/>
      <c r="D3" s="66"/>
      <c r="E3" s="66"/>
      <c r="F3" s="66"/>
    </row>
    <row r="4" spans="2:6" ht="24.95" customHeight="1" x14ac:dyDescent="0.2">
      <c r="B4" s="41" t="s">
        <v>52</v>
      </c>
      <c r="C4" s="42"/>
      <c r="D4" s="38"/>
      <c r="E4" s="38"/>
      <c r="F4" s="38"/>
    </row>
    <row r="5" spans="2:6" ht="24.95" customHeight="1" x14ac:dyDescent="0.2">
      <c r="B5" s="41" t="s">
        <v>50</v>
      </c>
      <c r="C5" s="43"/>
      <c r="D5" s="38"/>
      <c r="E5" s="38"/>
      <c r="F5" s="38"/>
    </row>
    <row r="6" spans="2:6" ht="5.0999999999999996" customHeight="1" x14ac:dyDescent="0.2">
      <c r="B6" s="38"/>
      <c r="C6" s="38"/>
      <c r="D6" s="38"/>
      <c r="E6" s="38"/>
      <c r="F6" s="38"/>
    </row>
    <row r="7" spans="2:6" s="2" customFormat="1" ht="20.100000000000001" customHeight="1" x14ac:dyDescent="0.25">
      <c r="B7" s="67" t="s">
        <v>5</v>
      </c>
      <c r="C7" s="67"/>
      <c r="D7" s="67"/>
      <c r="E7" s="67"/>
      <c r="F7" s="67"/>
    </row>
    <row r="8" spans="2:6" s="2" customFormat="1" ht="20.100000000000001" customHeight="1" x14ac:dyDescent="0.25">
      <c r="B8" s="68" t="s">
        <v>9</v>
      </c>
      <c r="C8" s="68"/>
      <c r="D8" s="68"/>
      <c r="E8" s="68"/>
      <c r="F8" s="68"/>
    </row>
    <row r="9" spans="2:6" ht="24.95" customHeight="1" x14ac:dyDescent="0.2">
      <c r="B9" s="69" t="s">
        <v>217</v>
      </c>
      <c r="C9" s="69"/>
      <c r="D9" s="69"/>
      <c r="E9" s="69"/>
      <c r="F9" s="69"/>
    </row>
    <row r="10" spans="2:6" ht="4.5" customHeight="1" x14ac:dyDescent="0.2">
      <c r="B10" s="40"/>
      <c r="C10" s="40"/>
      <c r="D10" s="40"/>
      <c r="E10" s="40"/>
      <c r="F10" s="40"/>
    </row>
    <row r="11" spans="2:6" s="2" customFormat="1" ht="20.100000000000001" customHeight="1" x14ac:dyDescent="0.25">
      <c r="B11" s="70" t="s">
        <v>10</v>
      </c>
      <c r="C11" s="70"/>
      <c r="D11" s="70"/>
      <c r="E11" s="70"/>
      <c r="F11" s="70"/>
    </row>
    <row r="12" spans="2:6" s="2" customFormat="1" ht="20.100000000000001" customHeight="1" x14ac:dyDescent="0.25">
      <c r="B12" s="71" t="s">
        <v>94</v>
      </c>
      <c r="C12" s="71"/>
      <c r="D12" s="71"/>
      <c r="E12" s="58"/>
      <c r="F12" s="58"/>
    </row>
    <row r="13" spans="2:6" s="2" customFormat="1" ht="20.100000000000001" customHeight="1" x14ac:dyDescent="0.25">
      <c r="B13" s="71" t="s">
        <v>93</v>
      </c>
      <c r="C13" s="71"/>
      <c r="D13" s="71"/>
      <c r="E13" s="58"/>
      <c r="F13" s="58"/>
    </row>
    <row r="14" spans="2:6" s="2" customFormat="1" ht="20.100000000000001" customHeight="1" x14ac:dyDescent="0.25">
      <c r="B14" s="71" t="s">
        <v>95</v>
      </c>
      <c r="C14" s="71"/>
      <c r="D14" s="71"/>
      <c r="E14" s="58"/>
      <c r="F14" s="58"/>
    </row>
    <row r="15" spans="2:6" s="2" customFormat="1" ht="20.100000000000001" customHeight="1" x14ac:dyDescent="0.25">
      <c r="B15" s="71" t="s">
        <v>27</v>
      </c>
      <c r="C15" s="71"/>
      <c r="D15" s="71"/>
      <c r="E15" s="48"/>
      <c r="F15" s="48"/>
    </row>
    <row r="16" spans="2:6" ht="4.5" customHeight="1" x14ac:dyDescent="0.2">
      <c r="B16" s="45"/>
      <c r="C16" s="45"/>
      <c r="D16" s="45"/>
      <c r="E16" s="40"/>
      <c r="F16" s="40"/>
    </row>
    <row r="17" spans="2:6" ht="20.100000000000001" customHeight="1" x14ac:dyDescent="0.2">
      <c r="B17" s="39" t="s">
        <v>11</v>
      </c>
      <c r="C17" s="21"/>
      <c r="D17" s="21"/>
      <c r="E17" s="22"/>
      <c r="F17" s="22"/>
    </row>
    <row r="18" spans="2:6" s="3" customFormat="1" ht="24.95" customHeight="1" x14ac:dyDescent="0.25">
      <c r="B18" s="111" t="s">
        <v>68</v>
      </c>
      <c r="C18" s="111"/>
      <c r="D18" s="111"/>
      <c r="E18" s="19"/>
      <c r="F18" s="20"/>
    </row>
    <row r="19" spans="2:6" ht="5.0999999999999996" customHeight="1" x14ac:dyDescent="0.2">
      <c r="B19" s="112"/>
      <c r="C19" s="112"/>
      <c r="D19" s="112"/>
      <c r="F19" s="15"/>
    </row>
    <row r="20" spans="2:6" s="2" customFormat="1" ht="20.100000000000001" customHeight="1" x14ac:dyDescent="0.25">
      <c r="B20" s="67" t="s">
        <v>24</v>
      </c>
      <c r="C20" s="67"/>
      <c r="D20" s="67"/>
      <c r="E20" s="67"/>
      <c r="F20" s="67"/>
    </row>
    <row r="21" spans="2:6" ht="33.75" customHeight="1" x14ac:dyDescent="0.2">
      <c r="B21" s="95" t="s">
        <v>218</v>
      </c>
      <c r="C21" s="95"/>
      <c r="D21" s="95"/>
      <c r="E21" s="95"/>
      <c r="F21" s="95"/>
    </row>
    <row r="22" spans="2:6" ht="5.0999999999999996" customHeight="1" x14ac:dyDescent="0.2">
      <c r="B22" s="112"/>
      <c r="C22" s="112"/>
      <c r="D22" s="112"/>
      <c r="F22" s="15"/>
    </row>
    <row r="23" spans="2:6" s="2" customFormat="1" ht="20.100000000000001" customHeight="1" x14ac:dyDescent="0.25">
      <c r="B23" s="67" t="s">
        <v>25</v>
      </c>
      <c r="C23" s="67"/>
      <c r="D23" s="67"/>
      <c r="E23" s="67"/>
      <c r="F23" s="67"/>
    </row>
    <row r="24" spans="2:6" s="9" customFormat="1" ht="20.100000000000001" customHeight="1" x14ac:dyDescent="0.25">
      <c r="B24" s="74" t="s">
        <v>6</v>
      </c>
      <c r="C24" s="74"/>
      <c r="D24" s="74"/>
      <c r="E24" s="74"/>
      <c r="F24" s="74"/>
    </row>
    <row r="25" spans="2:6" s="9" customFormat="1" ht="20.100000000000001" customHeight="1" x14ac:dyDescent="0.25">
      <c r="B25" s="96" t="s">
        <v>18</v>
      </c>
      <c r="C25" s="97"/>
      <c r="D25" s="14"/>
      <c r="E25" s="14"/>
      <c r="F25" s="14"/>
    </row>
    <row r="26" spans="2:6" s="9" customFormat="1" ht="20.100000000000001" customHeight="1" x14ac:dyDescent="0.25">
      <c r="B26" s="13"/>
      <c r="C26" s="13" t="s">
        <v>22</v>
      </c>
      <c r="D26" s="14"/>
      <c r="E26" s="14"/>
      <c r="F26" s="14"/>
    </row>
    <row r="27" spans="2:6" s="9" customFormat="1" ht="20.100000000000001" customHeight="1" x14ac:dyDescent="0.25">
      <c r="B27" s="13"/>
      <c r="C27" s="13" t="s">
        <v>23</v>
      </c>
      <c r="D27" s="14"/>
      <c r="E27" s="14"/>
      <c r="F27" s="14"/>
    </row>
    <row r="28" spans="2:6" s="9" customFormat="1" ht="20.100000000000001" customHeight="1" x14ac:dyDescent="0.25">
      <c r="B28" s="96" t="s">
        <v>19</v>
      </c>
      <c r="C28" s="97"/>
      <c r="D28" s="14"/>
      <c r="E28" s="14"/>
      <c r="F28" s="14"/>
    </row>
    <row r="29" spans="2:6" s="9" customFormat="1" ht="31.5" customHeight="1" x14ac:dyDescent="0.25">
      <c r="B29" s="17" t="s">
        <v>20</v>
      </c>
      <c r="C29" s="75" t="s">
        <v>13</v>
      </c>
      <c r="D29" s="76"/>
      <c r="E29" s="18" t="s">
        <v>12</v>
      </c>
      <c r="F29" s="18" t="s">
        <v>14</v>
      </c>
    </row>
    <row r="30" spans="2:6" s="9" customFormat="1" ht="24.95" customHeight="1" x14ac:dyDescent="0.25">
      <c r="B30" s="46" t="s">
        <v>2</v>
      </c>
      <c r="C30" s="72" t="s">
        <v>213</v>
      </c>
      <c r="D30" s="73"/>
      <c r="E30" s="16" t="s">
        <v>1</v>
      </c>
      <c r="F30" s="47">
        <v>1</v>
      </c>
    </row>
    <row r="31" spans="2:6" s="9" customFormat="1" ht="24.95" customHeight="1" x14ac:dyDescent="0.25">
      <c r="B31" s="46" t="s">
        <v>96</v>
      </c>
      <c r="C31" s="72" t="s">
        <v>97</v>
      </c>
      <c r="D31" s="73"/>
      <c r="E31" s="16" t="s">
        <v>98</v>
      </c>
      <c r="F31" s="47">
        <v>60</v>
      </c>
    </row>
    <row r="32" spans="2:6" s="9" customFormat="1" ht="4.5" customHeight="1" x14ac:dyDescent="0.25">
      <c r="B32" s="14"/>
      <c r="C32" s="14"/>
      <c r="D32" s="14"/>
      <c r="E32" s="14"/>
      <c r="F32" s="14"/>
    </row>
    <row r="33" spans="2:7" s="9" customFormat="1" ht="20.100000000000001" customHeight="1" x14ac:dyDescent="0.25">
      <c r="B33" s="96" t="s">
        <v>21</v>
      </c>
      <c r="C33" s="97"/>
      <c r="D33" s="14"/>
      <c r="E33" s="14"/>
      <c r="F33" s="14"/>
    </row>
    <row r="34" spans="2:7" s="9" customFormat="1" ht="20.100000000000001" customHeight="1" x14ac:dyDescent="0.2">
      <c r="B34" s="10"/>
      <c r="C34" s="9" t="s">
        <v>3</v>
      </c>
      <c r="D34" s="14"/>
      <c r="E34" s="14"/>
      <c r="F34" s="14"/>
    </row>
    <row r="35" spans="2:7" s="9" customFormat="1" ht="20.100000000000001" customHeight="1" x14ac:dyDescent="0.25">
      <c r="B35" s="13"/>
      <c r="C35" s="2" t="s">
        <v>4</v>
      </c>
      <c r="D35" s="14"/>
      <c r="E35" s="14"/>
      <c r="F35" s="14"/>
    </row>
    <row r="36" spans="2:7" ht="5.0999999999999996" customHeight="1" x14ac:dyDescent="0.2"/>
    <row r="37" spans="2:7" s="2" customFormat="1" ht="20.100000000000001" customHeight="1" x14ac:dyDescent="0.25">
      <c r="B37" s="67" t="s">
        <v>26</v>
      </c>
      <c r="C37" s="67"/>
      <c r="D37" s="67"/>
      <c r="E37" s="67"/>
      <c r="F37" s="67"/>
    </row>
    <row r="38" spans="2:7" s="2" customFormat="1" ht="5.0999999999999996" customHeight="1" thickBot="1" x14ac:dyDescent="0.3">
      <c r="B38" s="15"/>
      <c r="D38" s="6"/>
      <c r="E38" s="6"/>
      <c r="F38" s="6"/>
    </row>
    <row r="39" spans="2:7" s="3" customFormat="1" ht="93" customHeight="1" x14ac:dyDescent="0.25">
      <c r="B39" s="91" t="s">
        <v>0</v>
      </c>
      <c r="C39" s="92"/>
      <c r="D39" s="81" t="s">
        <v>28</v>
      </c>
      <c r="E39" s="82"/>
      <c r="F39" s="83"/>
      <c r="G39" s="23"/>
    </row>
    <row r="40" spans="2:7" s="3" customFormat="1" ht="30" customHeight="1" thickBot="1" x14ac:dyDescent="0.3">
      <c r="B40" s="93"/>
      <c r="C40" s="94"/>
      <c r="D40" s="24" t="s">
        <v>29</v>
      </c>
      <c r="E40" s="84" t="s">
        <v>30</v>
      </c>
      <c r="F40" s="85"/>
    </row>
    <row r="41" spans="2:7" s="25" customFormat="1" ht="30.75" customHeight="1" x14ac:dyDescent="0.25">
      <c r="B41" s="88" t="s">
        <v>214</v>
      </c>
      <c r="C41" s="89"/>
      <c r="D41" s="89"/>
      <c r="E41" s="89"/>
      <c r="F41" s="90"/>
    </row>
    <row r="42" spans="2:7" s="4" customFormat="1" ht="24.95" customHeight="1" x14ac:dyDescent="0.25">
      <c r="B42" s="60" t="s">
        <v>16</v>
      </c>
      <c r="C42" s="59" t="s">
        <v>127</v>
      </c>
      <c r="D42" s="50"/>
      <c r="E42" s="79"/>
      <c r="F42" s="80"/>
    </row>
    <row r="43" spans="2:7" s="4" customFormat="1" ht="30" customHeight="1" x14ac:dyDescent="0.25">
      <c r="B43" s="60" t="s">
        <v>58</v>
      </c>
      <c r="C43" s="59" t="s">
        <v>128</v>
      </c>
      <c r="D43" s="50"/>
      <c r="E43" s="79"/>
      <c r="F43" s="80"/>
    </row>
    <row r="44" spans="2:7" s="4" customFormat="1" ht="30" customHeight="1" x14ac:dyDescent="0.25">
      <c r="B44" s="60" t="s">
        <v>59</v>
      </c>
      <c r="C44" s="59" t="s">
        <v>129</v>
      </c>
      <c r="D44" s="50"/>
      <c r="E44" s="77"/>
      <c r="F44" s="78"/>
    </row>
    <row r="45" spans="2:7" s="4" customFormat="1" ht="24.95" customHeight="1" x14ac:dyDescent="0.25">
      <c r="B45" s="60" t="s">
        <v>60</v>
      </c>
      <c r="C45" s="59" t="s">
        <v>130</v>
      </c>
      <c r="D45" s="50"/>
      <c r="E45" s="79"/>
      <c r="F45" s="80"/>
    </row>
    <row r="46" spans="2:7" s="4" customFormat="1" ht="30" customHeight="1" x14ac:dyDescent="0.25">
      <c r="B46" s="60" t="s">
        <v>61</v>
      </c>
      <c r="C46" s="59" t="s">
        <v>131</v>
      </c>
      <c r="D46" s="50"/>
      <c r="E46" s="79"/>
      <c r="F46" s="80"/>
    </row>
    <row r="47" spans="2:7" s="4" customFormat="1" ht="30" customHeight="1" x14ac:dyDescent="0.25">
      <c r="B47" s="60" t="s">
        <v>62</v>
      </c>
      <c r="C47" s="59" t="s">
        <v>132</v>
      </c>
      <c r="D47" s="50"/>
      <c r="E47" s="79"/>
      <c r="F47" s="80"/>
    </row>
    <row r="48" spans="2:7" s="4" customFormat="1" ht="24.95" customHeight="1" x14ac:dyDescent="0.25">
      <c r="B48" s="150" t="s">
        <v>72</v>
      </c>
      <c r="C48" s="151" t="s">
        <v>133</v>
      </c>
      <c r="D48" s="135"/>
      <c r="E48" s="152"/>
      <c r="F48" s="153"/>
    </row>
    <row r="49" spans="2:6" s="4" customFormat="1" ht="24.95" customHeight="1" x14ac:dyDescent="0.25">
      <c r="B49" s="154" t="s">
        <v>134</v>
      </c>
      <c r="C49" s="155" t="s">
        <v>135</v>
      </c>
      <c r="D49" s="138"/>
      <c r="E49" s="156"/>
      <c r="F49" s="157"/>
    </row>
    <row r="50" spans="2:6" s="4" customFormat="1" ht="24.95" customHeight="1" x14ac:dyDescent="0.25">
      <c r="B50" s="158" t="s">
        <v>136</v>
      </c>
      <c r="C50" s="159" t="s">
        <v>137</v>
      </c>
      <c r="D50" s="141"/>
      <c r="E50" s="160"/>
      <c r="F50" s="161"/>
    </row>
    <row r="51" spans="2:6" s="4" customFormat="1" ht="24.95" customHeight="1" x14ac:dyDescent="0.25">
      <c r="B51" s="60" t="s">
        <v>63</v>
      </c>
      <c r="C51" s="59" t="s">
        <v>138</v>
      </c>
      <c r="D51" s="50"/>
      <c r="E51" s="77"/>
      <c r="F51" s="78"/>
    </row>
    <row r="52" spans="2:6" s="4" customFormat="1" ht="24.95" customHeight="1" x14ac:dyDescent="0.25">
      <c r="B52" s="150" t="s">
        <v>64</v>
      </c>
      <c r="C52" s="151" t="s">
        <v>139</v>
      </c>
      <c r="D52" s="135"/>
      <c r="E52" s="152"/>
      <c r="F52" s="153"/>
    </row>
    <row r="53" spans="2:6" s="4" customFormat="1" ht="30" customHeight="1" x14ac:dyDescent="0.25">
      <c r="B53" s="154" t="s">
        <v>140</v>
      </c>
      <c r="C53" s="155" t="s">
        <v>141</v>
      </c>
      <c r="D53" s="138"/>
      <c r="E53" s="156"/>
      <c r="F53" s="157"/>
    </row>
    <row r="54" spans="2:6" s="4" customFormat="1" ht="24.95" customHeight="1" x14ac:dyDescent="0.25">
      <c r="B54" s="154" t="s">
        <v>142</v>
      </c>
      <c r="C54" s="155" t="s">
        <v>143</v>
      </c>
      <c r="D54" s="138"/>
      <c r="E54" s="156"/>
      <c r="F54" s="157"/>
    </row>
    <row r="55" spans="2:6" s="4" customFormat="1" ht="24.95" customHeight="1" x14ac:dyDescent="0.25">
      <c r="B55" s="158" t="s">
        <v>144</v>
      </c>
      <c r="C55" s="159" t="s">
        <v>145</v>
      </c>
      <c r="D55" s="141"/>
      <c r="E55" s="160"/>
      <c r="F55" s="161"/>
    </row>
    <row r="56" spans="2:6" s="4" customFormat="1" ht="56.25" customHeight="1" x14ac:dyDescent="0.25">
      <c r="B56" s="60" t="s">
        <v>65</v>
      </c>
      <c r="C56" s="59" t="s">
        <v>215</v>
      </c>
      <c r="D56" s="50"/>
      <c r="E56" s="77"/>
      <c r="F56" s="78"/>
    </row>
    <row r="57" spans="2:6" s="4" customFormat="1" ht="30" customHeight="1" x14ac:dyDescent="0.25">
      <c r="B57" s="60" t="s">
        <v>66</v>
      </c>
      <c r="C57" s="59" t="s">
        <v>146</v>
      </c>
      <c r="D57" s="50"/>
      <c r="E57" s="77"/>
      <c r="F57" s="78"/>
    </row>
    <row r="58" spans="2:6" s="4" customFormat="1" ht="24.95" customHeight="1" x14ac:dyDescent="0.25">
      <c r="B58" s="150" t="s">
        <v>73</v>
      </c>
      <c r="C58" s="151" t="s">
        <v>147</v>
      </c>
      <c r="D58" s="135"/>
      <c r="E58" s="152"/>
      <c r="F58" s="153"/>
    </row>
    <row r="59" spans="2:6" s="4" customFormat="1" ht="24.95" customHeight="1" x14ac:dyDescent="0.25">
      <c r="B59" s="154" t="s">
        <v>88</v>
      </c>
      <c r="C59" s="155" t="s">
        <v>148</v>
      </c>
      <c r="D59" s="138"/>
      <c r="E59" s="156"/>
      <c r="F59" s="157"/>
    </row>
    <row r="60" spans="2:6" s="4" customFormat="1" ht="24.95" customHeight="1" x14ac:dyDescent="0.25">
      <c r="B60" s="158" t="s">
        <v>89</v>
      </c>
      <c r="C60" s="159" t="s">
        <v>149</v>
      </c>
      <c r="D60" s="141"/>
      <c r="E60" s="160"/>
      <c r="F60" s="161"/>
    </row>
    <row r="61" spans="2:6" s="4" customFormat="1" ht="24.95" customHeight="1" x14ac:dyDescent="0.25">
      <c r="B61" s="60" t="s">
        <v>74</v>
      </c>
      <c r="C61" s="59" t="s">
        <v>150</v>
      </c>
      <c r="D61" s="50"/>
      <c r="E61" s="77"/>
      <c r="F61" s="78"/>
    </row>
    <row r="62" spans="2:6" s="4" customFormat="1" ht="24.95" customHeight="1" x14ac:dyDescent="0.25">
      <c r="B62" s="60" t="s">
        <v>67</v>
      </c>
      <c r="C62" s="59" t="s">
        <v>151</v>
      </c>
      <c r="D62" s="50"/>
      <c r="E62" s="77"/>
      <c r="F62" s="78"/>
    </row>
    <row r="63" spans="2:6" s="4" customFormat="1" ht="24.95" customHeight="1" x14ac:dyDescent="0.25">
      <c r="B63" s="150" t="s">
        <v>75</v>
      </c>
      <c r="C63" s="151" t="s">
        <v>152</v>
      </c>
      <c r="D63" s="135"/>
      <c r="E63" s="152"/>
      <c r="F63" s="153"/>
    </row>
    <row r="64" spans="2:6" s="4" customFormat="1" ht="24.95" customHeight="1" x14ac:dyDescent="0.25">
      <c r="B64" s="162">
        <v>44941</v>
      </c>
      <c r="C64" s="155" t="s">
        <v>153</v>
      </c>
      <c r="D64" s="138"/>
      <c r="E64" s="156"/>
      <c r="F64" s="157"/>
    </row>
    <row r="65" spans="2:6" s="4" customFormat="1" ht="24.95" customHeight="1" x14ac:dyDescent="0.25">
      <c r="B65" s="158" t="s">
        <v>154</v>
      </c>
      <c r="C65" s="159" t="s">
        <v>155</v>
      </c>
      <c r="D65" s="141"/>
      <c r="E65" s="160"/>
      <c r="F65" s="161"/>
    </row>
    <row r="66" spans="2:6" s="4" customFormat="1" ht="24.95" customHeight="1" x14ac:dyDescent="0.25">
      <c r="B66" s="60" t="s">
        <v>76</v>
      </c>
      <c r="C66" s="59" t="s">
        <v>156</v>
      </c>
      <c r="D66" s="50"/>
      <c r="E66" s="77"/>
      <c r="F66" s="78"/>
    </row>
    <row r="67" spans="2:6" s="4" customFormat="1" ht="30" customHeight="1" x14ac:dyDescent="0.25">
      <c r="B67" s="60" t="s">
        <v>77</v>
      </c>
      <c r="C67" s="59" t="s">
        <v>157</v>
      </c>
      <c r="D67" s="50"/>
      <c r="E67" s="77"/>
      <c r="F67" s="78"/>
    </row>
    <row r="68" spans="2:6" s="4" customFormat="1" ht="30" customHeight="1" x14ac:dyDescent="0.25">
      <c r="B68" s="60" t="s">
        <v>78</v>
      </c>
      <c r="C68" s="59" t="s">
        <v>158</v>
      </c>
      <c r="D68" s="50"/>
      <c r="E68" s="77"/>
      <c r="F68" s="78"/>
    </row>
    <row r="69" spans="2:6" s="4" customFormat="1" ht="30" customHeight="1" x14ac:dyDescent="0.25">
      <c r="B69" s="60" t="s">
        <v>79</v>
      </c>
      <c r="C69" s="59" t="s">
        <v>159</v>
      </c>
      <c r="D69" s="50"/>
      <c r="E69" s="77"/>
      <c r="F69" s="78"/>
    </row>
    <row r="70" spans="2:6" s="4" customFormat="1" ht="24.95" customHeight="1" x14ac:dyDescent="0.25">
      <c r="B70" s="60" t="s">
        <v>80</v>
      </c>
      <c r="C70" s="59" t="s">
        <v>160</v>
      </c>
      <c r="D70" s="50"/>
      <c r="E70" s="77"/>
      <c r="F70" s="78"/>
    </row>
    <row r="71" spans="2:6" s="4" customFormat="1" ht="30" customHeight="1" x14ac:dyDescent="0.25">
      <c r="B71" s="60" t="s">
        <v>81</v>
      </c>
      <c r="C71" s="59" t="s">
        <v>161</v>
      </c>
      <c r="D71" s="50"/>
      <c r="E71" s="77"/>
      <c r="F71" s="78"/>
    </row>
    <row r="72" spans="2:6" s="4" customFormat="1" ht="30" customHeight="1" x14ac:dyDescent="0.25">
      <c r="B72" s="60" t="s">
        <v>90</v>
      </c>
      <c r="C72" s="59" t="s">
        <v>162</v>
      </c>
      <c r="D72" s="50"/>
      <c r="E72" s="77"/>
      <c r="F72" s="78"/>
    </row>
    <row r="73" spans="2:6" s="4" customFormat="1" ht="30" customHeight="1" x14ac:dyDescent="0.25">
      <c r="B73" s="60" t="s">
        <v>91</v>
      </c>
      <c r="C73" s="59" t="s">
        <v>163</v>
      </c>
      <c r="D73" s="50"/>
      <c r="E73" s="77"/>
      <c r="F73" s="78"/>
    </row>
    <row r="74" spans="2:6" s="4" customFormat="1" ht="24.95" customHeight="1" x14ac:dyDescent="0.25">
      <c r="B74" s="60" t="s">
        <v>164</v>
      </c>
      <c r="C74" s="59" t="s">
        <v>165</v>
      </c>
      <c r="D74" s="50"/>
      <c r="E74" s="77"/>
      <c r="F74" s="78"/>
    </row>
    <row r="75" spans="2:6" s="4" customFormat="1" ht="30" customHeight="1" x14ac:dyDescent="0.25">
      <c r="B75" s="60" t="s">
        <v>166</v>
      </c>
      <c r="C75" s="59" t="s">
        <v>167</v>
      </c>
      <c r="D75" s="50"/>
      <c r="E75" s="77"/>
      <c r="F75" s="78"/>
    </row>
    <row r="76" spans="2:6" s="4" customFormat="1" ht="30" customHeight="1" x14ac:dyDescent="0.25">
      <c r="B76" s="60" t="s">
        <v>168</v>
      </c>
      <c r="C76" s="59" t="s">
        <v>169</v>
      </c>
      <c r="D76" s="50"/>
      <c r="E76" s="77"/>
      <c r="F76" s="78"/>
    </row>
    <row r="77" spans="2:6" s="4" customFormat="1" ht="24.95" customHeight="1" x14ac:dyDescent="0.25">
      <c r="B77" s="60" t="s">
        <v>170</v>
      </c>
      <c r="C77" s="59" t="s">
        <v>171</v>
      </c>
      <c r="D77" s="50"/>
      <c r="E77" s="77"/>
      <c r="F77" s="78"/>
    </row>
    <row r="78" spans="2:6" s="4" customFormat="1" ht="24.95" customHeight="1" x14ac:dyDescent="0.25">
      <c r="B78" s="60" t="s">
        <v>172</v>
      </c>
      <c r="C78" s="59" t="s">
        <v>173</v>
      </c>
      <c r="D78" s="50"/>
      <c r="E78" s="77"/>
      <c r="F78" s="78"/>
    </row>
    <row r="79" spans="2:6" s="4" customFormat="1" ht="24.95" customHeight="1" x14ac:dyDescent="0.25">
      <c r="B79" s="61" t="s">
        <v>174</v>
      </c>
      <c r="C79" s="59" t="s">
        <v>175</v>
      </c>
      <c r="D79" s="50"/>
      <c r="E79" s="77"/>
      <c r="F79" s="78"/>
    </row>
    <row r="80" spans="2:6" s="4" customFormat="1" ht="24.95" customHeight="1" x14ac:dyDescent="0.25">
      <c r="B80" s="61" t="s">
        <v>176</v>
      </c>
      <c r="C80" s="59" t="s">
        <v>177</v>
      </c>
      <c r="D80" s="50"/>
      <c r="E80" s="77"/>
      <c r="F80" s="78"/>
    </row>
    <row r="81" spans="2:6" s="4" customFormat="1" ht="24.95" customHeight="1" x14ac:dyDescent="0.25">
      <c r="B81" s="61" t="s">
        <v>178</v>
      </c>
      <c r="C81" s="59" t="s">
        <v>179</v>
      </c>
      <c r="D81" s="50"/>
      <c r="E81" s="77"/>
      <c r="F81" s="78"/>
    </row>
    <row r="82" spans="2:6" s="4" customFormat="1" ht="24.95" customHeight="1" x14ac:dyDescent="0.25">
      <c r="B82" s="60" t="s">
        <v>180</v>
      </c>
      <c r="C82" s="59" t="s">
        <v>181</v>
      </c>
      <c r="D82" s="50"/>
      <c r="E82" s="77"/>
      <c r="F82" s="78"/>
    </row>
    <row r="83" spans="2:6" s="4" customFormat="1" ht="24.95" customHeight="1" x14ac:dyDescent="0.25">
      <c r="B83" s="150" t="s">
        <v>182</v>
      </c>
      <c r="C83" s="151" t="s">
        <v>183</v>
      </c>
      <c r="D83" s="135"/>
      <c r="E83" s="152"/>
      <c r="F83" s="153"/>
    </row>
    <row r="84" spans="2:6" s="4" customFormat="1" ht="24.95" customHeight="1" x14ac:dyDescent="0.25">
      <c r="B84" s="154" t="s">
        <v>184</v>
      </c>
      <c r="C84" s="155" t="s">
        <v>185</v>
      </c>
      <c r="D84" s="138"/>
      <c r="E84" s="156"/>
      <c r="F84" s="157"/>
    </row>
    <row r="85" spans="2:6" s="4" customFormat="1" ht="24.95" customHeight="1" x14ac:dyDescent="0.25">
      <c r="B85" s="154" t="s">
        <v>186</v>
      </c>
      <c r="C85" s="155" t="s">
        <v>187</v>
      </c>
      <c r="D85" s="138"/>
      <c r="E85" s="156"/>
      <c r="F85" s="157"/>
    </row>
    <row r="86" spans="2:6" s="4" customFormat="1" ht="24.95" customHeight="1" x14ac:dyDescent="0.25">
      <c r="B86" s="154" t="s">
        <v>188</v>
      </c>
      <c r="C86" s="155" t="s">
        <v>189</v>
      </c>
      <c r="D86" s="138"/>
      <c r="E86" s="156"/>
      <c r="F86" s="157"/>
    </row>
    <row r="87" spans="2:6" s="4" customFormat="1" ht="24.95" customHeight="1" x14ac:dyDescent="0.25">
      <c r="B87" s="154" t="s">
        <v>190</v>
      </c>
      <c r="C87" s="155" t="s">
        <v>191</v>
      </c>
      <c r="D87" s="138"/>
      <c r="E87" s="156"/>
      <c r="F87" s="157"/>
    </row>
    <row r="88" spans="2:6" s="4" customFormat="1" ht="30" customHeight="1" x14ac:dyDescent="0.25">
      <c r="B88" s="158" t="s">
        <v>192</v>
      </c>
      <c r="C88" s="159" t="s">
        <v>193</v>
      </c>
      <c r="D88" s="141"/>
      <c r="E88" s="160"/>
      <c r="F88" s="161"/>
    </row>
    <row r="89" spans="2:6" s="4" customFormat="1" ht="30" customHeight="1" x14ac:dyDescent="0.25">
      <c r="B89" s="60" t="s">
        <v>194</v>
      </c>
      <c r="C89" s="59" t="s">
        <v>195</v>
      </c>
      <c r="D89" s="50"/>
      <c r="E89" s="77"/>
      <c r="F89" s="78"/>
    </row>
    <row r="90" spans="2:6" s="4" customFormat="1" ht="30" customHeight="1" x14ac:dyDescent="0.25">
      <c r="B90" s="60" t="s">
        <v>196</v>
      </c>
      <c r="C90" s="59" t="s">
        <v>197</v>
      </c>
      <c r="D90" s="50"/>
      <c r="E90" s="77"/>
      <c r="F90" s="78"/>
    </row>
    <row r="91" spans="2:6" s="4" customFormat="1" ht="30" customHeight="1" x14ac:dyDescent="0.25">
      <c r="B91" s="60" t="s">
        <v>198</v>
      </c>
      <c r="C91" s="59" t="s">
        <v>199</v>
      </c>
      <c r="D91" s="50"/>
      <c r="E91" s="77"/>
      <c r="F91" s="78"/>
    </row>
    <row r="92" spans="2:6" s="4" customFormat="1" ht="30" customHeight="1" x14ac:dyDescent="0.25">
      <c r="B92" s="60" t="s">
        <v>200</v>
      </c>
      <c r="C92" s="59" t="s">
        <v>216</v>
      </c>
      <c r="D92" s="50"/>
      <c r="E92" s="77"/>
      <c r="F92" s="78"/>
    </row>
    <row r="93" spans="2:6" s="4" customFormat="1" ht="48" customHeight="1" x14ac:dyDescent="0.25">
      <c r="B93" s="60" t="s">
        <v>201</v>
      </c>
      <c r="C93" s="59" t="s">
        <v>202</v>
      </c>
      <c r="D93" s="50"/>
      <c r="E93" s="77"/>
      <c r="F93" s="78"/>
    </row>
    <row r="94" spans="2:6" s="4" customFormat="1" ht="30" customHeight="1" x14ac:dyDescent="0.25">
      <c r="B94" s="60" t="s">
        <v>203</v>
      </c>
      <c r="C94" s="59" t="s">
        <v>204</v>
      </c>
      <c r="D94" s="50"/>
      <c r="E94" s="77"/>
      <c r="F94" s="78"/>
    </row>
    <row r="95" spans="2:6" s="4" customFormat="1" ht="48.75" customHeight="1" x14ac:dyDescent="0.25">
      <c r="B95" s="60" t="s">
        <v>205</v>
      </c>
      <c r="C95" s="59" t="s">
        <v>206</v>
      </c>
      <c r="D95" s="50"/>
      <c r="E95" s="77"/>
      <c r="F95" s="78"/>
    </row>
    <row r="96" spans="2:6" s="4" customFormat="1" ht="24.95" customHeight="1" x14ac:dyDescent="0.25">
      <c r="B96" s="60" t="s">
        <v>207</v>
      </c>
      <c r="C96" s="59" t="s">
        <v>208</v>
      </c>
      <c r="D96" s="50"/>
      <c r="E96" s="77"/>
      <c r="F96" s="78"/>
    </row>
    <row r="97" spans="2:6" s="4" customFormat="1" ht="24.95" customHeight="1" x14ac:dyDescent="0.25">
      <c r="B97" s="60" t="s">
        <v>209</v>
      </c>
      <c r="C97" s="59" t="s">
        <v>210</v>
      </c>
      <c r="D97" s="50"/>
      <c r="E97" s="77"/>
      <c r="F97" s="78"/>
    </row>
    <row r="98" spans="2:6" s="4" customFormat="1" ht="30" customHeight="1" thickBot="1" x14ac:dyDescent="0.3">
      <c r="B98" s="63" t="s">
        <v>211</v>
      </c>
      <c r="C98" s="62" t="s">
        <v>212</v>
      </c>
      <c r="D98" s="51"/>
      <c r="E98" s="120"/>
      <c r="F98" s="121"/>
    </row>
    <row r="99" spans="2:6" s="25" customFormat="1" ht="30.75" customHeight="1" x14ac:dyDescent="0.25">
      <c r="B99" s="117" t="s">
        <v>126</v>
      </c>
      <c r="C99" s="118"/>
      <c r="D99" s="118"/>
      <c r="E99" s="118"/>
      <c r="F99" s="119"/>
    </row>
    <row r="100" spans="2:6" s="4" customFormat="1" ht="30" customHeight="1" x14ac:dyDescent="0.25">
      <c r="B100" s="60" t="s">
        <v>16</v>
      </c>
      <c r="C100" s="59" t="s">
        <v>99</v>
      </c>
      <c r="D100" s="50"/>
      <c r="E100" s="86"/>
      <c r="F100" s="87"/>
    </row>
    <row r="101" spans="2:6" s="4" customFormat="1" ht="30" customHeight="1" x14ac:dyDescent="0.25">
      <c r="B101" s="150" t="s">
        <v>58</v>
      </c>
      <c r="C101" s="151" t="s">
        <v>100</v>
      </c>
      <c r="D101" s="135"/>
      <c r="E101" s="163"/>
      <c r="F101" s="164"/>
    </row>
    <row r="102" spans="2:6" s="4" customFormat="1" ht="30" customHeight="1" x14ac:dyDescent="0.25">
      <c r="B102" s="154" t="s">
        <v>70</v>
      </c>
      <c r="C102" s="155" t="s">
        <v>101</v>
      </c>
      <c r="D102" s="138"/>
      <c r="E102" s="165"/>
      <c r="F102" s="166"/>
    </row>
    <row r="103" spans="2:6" s="4" customFormat="1" ht="30" customHeight="1" x14ac:dyDescent="0.25">
      <c r="B103" s="167" t="s">
        <v>102</v>
      </c>
      <c r="C103" s="155" t="s">
        <v>103</v>
      </c>
      <c r="D103" s="138"/>
      <c r="E103" s="165"/>
      <c r="F103" s="166"/>
    </row>
    <row r="104" spans="2:6" s="4" customFormat="1" ht="45.75" customHeight="1" x14ac:dyDescent="0.25">
      <c r="B104" s="167" t="s">
        <v>104</v>
      </c>
      <c r="C104" s="155" t="s">
        <v>105</v>
      </c>
      <c r="D104" s="138"/>
      <c r="E104" s="165"/>
      <c r="F104" s="166"/>
    </row>
    <row r="105" spans="2:6" s="4" customFormat="1" ht="30" customHeight="1" x14ac:dyDescent="0.25">
      <c r="B105" s="154" t="s">
        <v>71</v>
      </c>
      <c r="C105" s="155" t="s">
        <v>106</v>
      </c>
      <c r="D105" s="138"/>
      <c r="E105" s="165"/>
      <c r="F105" s="166"/>
    </row>
    <row r="106" spans="2:6" s="4" customFormat="1" ht="30" customHeight="1" x14ac:dyDescent="0.25">
      <c r="B106" s="154" t="s">
        <v>82</v>
      </c>
      <c r="C106" s="155" t="s">
        <v>107</v>
      </c>
      <c r="D106" s="138"/>
      <c r="E106" s="165"/>
      <c r="F106" s="166"/>
    </row>
    <row r="107" spans="2:6" s="4" customFormat="1" ht="30" customHeight="1" x14ac:dyDescent="0.25">
      <c r="B107" s="154" t="s">
        <v>83</v>
      </c>
      <c r="C107" s="155" t="s">
        <v>108</v>
      </c>
      <c r="D107" s="138"/>
      <c r="E107" s="165"/>
      <c r="F107" s="166"/>
    </row>
    <row r="108" spans="2:6" s="4" customFormat="1" ht="57.75" customHeight="1" x14ac:dyDescent="0.25">
      <c r="B108" s="167" t="s">
        <v>109</v>
      </c>
      <c r="C108" s="155" t="s">
        <v>110</v>
      </c>
      <c r="D108" s="138"/>
      <c r="E108" s="165"/>
      <c r="F108" s="166"/>
    </row>
    <row r="109" spans="2:6" s="4" customFormat="1" ht="45" customHeight="1" x14ac:dyDescent="0.25">
      <c r="B109" s="167" t="s">
        <v>111</v>
      </c>
      <c r="C109" s="155" t="s">
        <v>105</v>
      </c>
      <c r="D109" s="138"/>
      <c r="E109" s="165"/>
      <c r="F109" s="166"/>
    </row>
    <row r="110" spans="2:6" s="4" customFormat="1" ht="30" customHeight="1" x14ac:dyDescent="0.25">
      <c r="B110" s="154" t="s">
        <v>84</v>
      </c>
      <c r="C110" s="155" t="s">
        <v>112</v>
      </c>
      <c r="D110" s="138"/>
      <c r="E110" s="165"/>
      <c r="F110" s="166"/>
    </row>
    <row r="111" spans="2:6" s="4" customFormat="1" ht="30" customHeight="1" x14ac:dyDescent="0.25">
      <c r="B111" s="158" t="s">
        <v>85</v>
      </c>
      <c r="C111" s="159" t="s">
        <v>113</v>
      </c>
      <c r="D111" s="141"/>
      <c r="E111" s="168"/>
      <c r="F111" s="169"/>
    </row>
    <row r="112" spans="2:6" s="4" customFormat="1" ht="30" customHeight="1" x14ac:dyDescent="0.25">
      <c r="B112" s="60" t="s">
        <v>59</v>
      </c>
      <c r="C112" s="59" t="s">
        <v>114</v>
      </c>
      <c r="D112" s="50"/>
      <c r="E112" s="86"/>
      <c r="F112" s="87"/>
    </row>
    <row r="113" spans="2:6" s="4" customFormat="1" ht="30" customHeight="1" x14ac:dyDescent="0.25">
      <c r="B113" s="60" t="s">
        <v>60</v>
      </c>
      <c r="C113" s="59" t="s">
        <v>115</v>
      </c>
      <c r="D113" s="50"/>
      <c r="E113" s="86"/>
      <c r="F113" s="87"/>
    </row>
    <row r="114" spans="2:6" s="4" customFormat="1" ht="30" customHeight="1" x14ac:dyDescent="0.25">
      <c r="B114" s="150" t="s">
        <v>61</v>
      </c>
      <c r="C114" s="151" t="s">
        <v>116</v>
      </c>
      <c r="D114" s="135"/>
      <c r="E114" s="163"/>
      <c r="F114" s="164"/>
    </row>
    <row r="115" spans="2:6" s="4" customFormat="1" ht="30" customHeight="1" x14ac:dyDescent="0.25">
      <c r="B115" s="154" t="s">
        <v>86</v>
      </c>
      <c r="C115" s="155" t="s">
        <v>117</v>
      </c>
      <c r="D115" s="138"/>
      <c r="E115" s="165"/>
      <c r="F115" s="166"/>
    </row>
    <row r="116" spans="2:6" s="4" customFormat="1" ht="59.25" customHeight="1" x14ac:dyDescent="0.25">
      <c r="B116" s="158" t="s">
        <v>87</v>
      </c>
      <c r="C116" s="159" t="s">
        <v>118</v>
      </c>
      <c r="D116" s="141"/>
      <c r="E116" s="168"/>
      <c r="F116" s="169"/>
    </row>
    <row r="117" spans="2:6" s="4" customFormat="1" ht="53.25" customHeight="1" x14ac:dyDescent="0.25">
      <c r="B117" s="60" t="s">
        <v>62</v>
      </c>
      <c r="C117" s="59" t="s">
        <v>119</v>
      </c>
      <c r="D117" s="50"/>
      <c r="E117" s="86"/>
      <c r="F117" s="87"/>
    </row>
    <row r="118" spans="2:6" s="4" customFormat="1" ht="30" customHeight="1" x14ac:dyDescent="0.25">
      <c r="B118" s="60" t="s">
        <v>72</v>
      </c>
      <c r="C118" s="59" t="s">
        <v>120</v>
      </c>
      <c r="D118" s="50"/>
      <c r="E118" s="86"/>
      <c r="F118" s="87"/>
    </row>
    <row r="119" spans="2:6" s="4" customFormat="1" ht="30" customHeight="1" x14ac:dyDescent="0.25">
      <c r="B119" s="60" t="s">
        <v>63</v>
      </c>
      <c r="C119" s="59" t="s">
        <v>121</v>
      </c>
      <c r="D119" s="50"/>
      <c r="E119" s="86"/>
      <c r="F119" s="87"/>
    </row>
    <row r="120" spans="2:6" s="4" customFormat="1" ht="30" customHeight="1" x14ac:dyDescent="0.25">
      <c r="B120" s="60" t="s">
        <v>64</v>
      </c>
      <c r="C120" s="59" t="s">
        <v>122</v>
      </c>
      <c r="D120" s="50"/>
      <c r="E120" s="86"/>
      <c r="F120" s="87"/>
    </row>
    <row r="121" spans="2:6" s="4" customFormat="1" ht="44.25" customHeight="1" x14ac:dyDescent="0.25">
      <c r="B121" s="60" t="s">
        <v>65</v>
      </c>
      <c r="C121" s="59" t="s">
        <v>123</v>
      </c>
      <c r="D121" s="50"/>
      <c r="E121" s="86"/>
      <c r="F121" s="87"/>
    </row>
    <row r="122" spans="2:6" s="4" customFormat="1" ht="66" customHeight="1" x14ac:dyDescent="0.25">
      <c r="B122" s="60" t="s">
        <v>66</v>
      </c>
      <c r="C122" s="59" t="s">
        <v>124</v>
      </c>
      <c r="D122" s="50"/>
      <c r="E122" s="86"/>
      <c r="F122" s="87"/>
    </row>
    <row r="123" spans="2:6" s="4" customFormat="1" ht="30" customHeight="1" thickBot="1" x14ac:dyDescent="0.3">
      <c r="B123" s="63" t="s">
        <v>73</v>
      </c>
      <c r="C123" s="62" t="s">
        <v>125</v>
      </c>
      <c r="D123" s="51"/>
      <c r="E123" s="113"/>
      <c r="F123" s="114"/>
    </row>
    <row r="124" spans="2:6" s="3" customFormat="1" ht="5.0999999999999996" customHeight="1" x14ac:dyDescent="0.25">
      <c r="B124" s="5"/>
      <c r="C124" s="5"/>
      <c r="D124" s="7"/>
      <c r="E124" s="7"/>
      <c r="F124" s="26"/>
    </row>
    <row r="125" spans="2:6" s="2" customFormat="1" ht="20.100000000000001" customHeight="1" x14ac:dyDescent="0.25">
      <c r="B125" s="67" t="s">
        <v>48</v>
      </c>
      <c r="C125" s="67"/>
      <c r="D125" s="67"/>
      <c r="E125" s="67"/>
      <c r="F125" s="67"/>
    </row>
    <row r="126" spans="2:6" s="2" customFormat="1" ht="5.0999999999999996" customHeight="1" thickBot="1" x14ac:dyDescent="0.3">
      <c r="B126" s="15"/>
      <c r="D126" s="6"/>
      <c r="E126" s="6"/>
      <c r="F126" s="6"/>
    </row>
    <row r="127" spans="2:6" s="3" customFormat="1" ht="69" customHeight="1" x14ac:dyDescent="0.25">
      <c r="B127" s="91" t="s">
        <v>8</v>
      </c>
      <c r="C127" s="92"/>
      <c r="D127" s="81" t="s">
        <v>31</v>
      </c>
      <c r="E127" s="82"/>
      <c r="F127" s="83"/>
    </row>
    <row r="128" spans="2:6" s="3" customFormat="1" ht="30" customHeight="1" thickBot="1" x14ac:dyDescent="0.3">
      <c r="B128" s="93"/>
      <c r="C128" s="94"/>
      <c r="D128" s="24" t="s">
        <v>7</v>
      </c>
      <c r="E128" s="109" t="s">
        <v>32</v>
      </c>
      <c r="F128" s="110"/>
    </row>
    <row r="129" spans="2:6" s="2" customFormat="1" ht="24.95" customHeight="1" x14ac:dyDescent="0.25">
      <c r="B129" s="122" t="s">
        <v>16</v>
      </c>
      <c r="C129" s="123" t="s">
        <v>219</v>
      </c>
      <c r="D129" s="50"/>
      <c r="E129" s="64"/>
      <c r="F129" s="65"/>
    </row>
    <row r="130" spans="2:6" s="2" customFormat="1" ht="24.95" customHeight="1" x14ac:dyDescent="0.25">
      <c r="B130" s="134" t="s">
        <v>58</v>
      </c>
      <c r="C130" s="126" t="s">
        <v>220</v>
      </c>
      <c r="D130" s="135" t="s">
        <v>332</v>
      </c>
      <c r="E130" s="144" t="s">
        <v>332</v>
      </c>
      <c r="F130" s="145"/>
    </row>
    <row r="131" spans="2:6" s="2" customFormat="1" ht="46.5" customHeight="1" x14ac:dyDescent="0.25">
      <c r="B131" s="125" t="s">
        <v>221</v>
      </c>
      <c r="C131" s="127" t="s">
        <v>222</v>
      </c>
      <c r="D131" s="138"/>
      <c r="E131" s="139"/>
      <c r="F131" s="140"/>
    </row>
    <row r="132" spans="2:6" s="2" customFormat="1" ht="24.95" customHeight="1" x14ac:dyDescent="0.25">
      <c r="B132" s="125" t="s">
        <v>223</v>
      </c>
      <c r="C132" s="127" t="s">
        <v>224</v>
      </c>
      <c r="D132" s="138"/>
      <c r="E132" s="139"/>
      <c r="F132" s="140"/>
    </row>
    <row r="133" spans="2:6" s="2" customFormat="1" ht="24.95" customHeight="1" x14ac:dyDescent="0.25">
      <c r="B133" s="125" t="s">
        <v>225</v>
      </c>
      <c r="C133" s="127" t="s">
        <v>226</v>
      </c>
      <c r="D133" s="138"/>
      <c r="E133" s="139"/>
      <c r="F133" s="140"/>
    </row>
    <row r="134" spans="2:6" s="2" customFormat="1" ht="60" customHeight="1" x14ac:dyDescent="0.25">
      <c r="B134" s="125" t="s">
        <v>227</v>
      </c>
      <c r="C134" s="127" t="s">
        <v>228</v>
      </c>
      <c r="D134" s="138"/>
      <c r="E134" s="139"/>
      <c r="F134" s="140"/>
    </row>
    <row r="135" spans="2:6" s="2" customFormat="1" ht="48" customHeight="1" x14ac:dyDescent="0.25">
      <c r="B135" s="125" t="s">
        <v>229</v>
      </c>
      <c r="C135" s="127" t="s">
        <v>230</v>
      </c>
      <c r="D135" s="138"/>
      <c r="E135" s="139"/>
      <c r="F135" s="140"/>
    </row>
    <row r="136" spans="2:6" s="2" customFormat="1" ht="137.25" customHeight="1" x14ac:dyDescent="0.25">
      <c r="B136" s="128" t="s">
        <v>231</v>
      </c>
      <c r="C136" s="129" t="s">
        <v>232</v>
      </c>
      <c r="D136" s="141"/>
      <c r="E136" s="142"/>
      <c r="F136" s="143"/>
    </row>
    <row r="137" spans="2:6" s="2" customFormat="1" ht="34.5" customHeight="1" x14ac:dyDescent="0.25">
      <c r="B137" s="130" t="s">
        <v>59</v>
      </c>
      <c r="C137" s="124" t="s">
        <v>233</v>
      </c>
      <c r="D137" s="50"/>
      <c r="E137" s="64"/>
      <c r="F137" s="65"/>
    </row>
    <row r="138" spans="2:6" s="2" customFormat="1" ht="59.25" customHeight="1" x14ac:dyDescent="0.25">
      <c r="B138" s="130" t="s">
        <v>60</v>
      </c>
      <c r="C138" s="131" t="s">
        <v>234</v>
      </c>
      <c r="D138" s="50"/>
      <c r="E138" s="64"/>
      <c r="F138" s="65"/>
    </row>
    <row r="139" spans="2:6" s="2" customFormat="1" ht="103.5" customHeight="1" x14ac:dyDescent="0.25">
      <c r="B139" s="49" t="s">
        <v>61</v>
      </c>
      <c r="C139" s="124" t="s">
        <v>235</v>
      </c>
      <c r="D139" s="50"/>
      <c r="E139" s="64"/>
      <c r="F139" s="65"/>
    </row>
    <row r="140" spans="2:6" s="2" customFormat="1" ht="71.25" customHeight="1" x14ac:dyDescent="0.25">
      <c r="B140" s="130" t="s">
        <v>62</v>
      </c>
      <c r="C140" s="124" t="s">
        <v>236</v>
      </c>
      <c r="D140" s="50"/>
      <c r="E140" s="64"/>
      <c r="F140" s="65"/>
    </row>
    <row r="141" spans="2:6" s="2" customFormat="1" ht="24.95" customHeight="1" x14ac:dyDescent="0.25">
      <c r="B141" s="130" t="s">
        <v>72</v>
      </c>
      <c r="C141" s="124" t="s">
        <v>237</v>
      </c>
      <c r="D141" s="50"/>
      <c r="E141" s="64"/>
      <c r="F141" s="65"/>
    </row>
    <row r="142" spans="2:6" s="2" customFormat="1" ht="96.75" customHeight="1" x14ac:dyDescent="0.25">
      <c r="B142" s="49" t="s">
        <v>63</v>
      </c>
      <c r="C142" s="124" t="s">
        <v>238</v>
      </c>
      <c r="D142" s="50"/>
      <c r="E142" s="64"/>
      <c r="F142" s="65"/>
    </row>
    <row r="143" spans="2:6" s="2" customFormat="1" ht="97.5" customHeight="1" x14ac:dyDescent="0.25">
      <c r="B143" s="133" t="s">
        <v>64</v>
      </c>
      <c r="C143" s="146" t="s">
        <v>239</v>
      </c>
      <c r="D143" s="135"/>
      <c r="E143" s="136"/>
      <c r="F143" s="137"/>
    </row>
    <row r="144" spans="2:6" s="2" customFormat="1" ht="37.5" customHeight="1" x14ac:dyDescent="0.25">
      <c r="B144" s="132" t="s">
        <v>240</v>
      </c>
      <c r="C144" s="147" t="s">
        <v>241</v>
      </c>
      <c r="D144" s="138"/>
      <c r="E144" s="139"/>
      <c r="F144" s="140"/>
    </row>
    <row r="145" spans="2:6" s="2" customFormat="1" ht="44.25" customHeight="1" x14ac:dyDescent="0.25">
      <c r="B145" s="132" t="s">
        <v>242</v>
      </c>
      <c r="C145" s="147" t="s">
        <v>243</v>
      </c>
      <c r="D145" s="138"/>
      <c r="E145" s="139"/>
      <c r="F145" s="140"/>
    </row>
    <row r="146" spans="2:6" s="2" customFormat="1" ht="65.25" customHeight="1" x14ac:dyDescent="0.25">
      <c r="B146" s="132" t="s">
        <v>244</v>
      </c>
      <c r="C146" s="147" t="s">
        <v>245</v>
      </c>
      <c r="D146" s="138"/>
      <c r="E146" s="139"/>
      <c r="F146" s="140"/>
    </row>
    <row r="147" spans="2:6" s="2" customFormat="1" ht="44.25" customHeight="1" x14ac:dyDescent="0.25">
      <c r="B147" s="132" t="s">
        <v>246</v>
      </c>
      <c r="C147" s="147" t="s">
        <v>247</v>
      </c>
      <c r="D147" s="138"/>
      <c r="E147" s="139"/>
      <c r="F147" s="140"/>
    </row>
    <row r="148" spans="2:6" s="2" customFormat="1" ht="33" customHeight="1" x14ac:dyDescent="0.25">
      <c r="B148" s="132" t="s">
        <v>248</v>
      </c>
      <c r="C148" s="147" t="s">
        <v>249</v>
      </c>
      <c r="D148" s="138"/>
      <c r="E148" s="139"/>
      <c r="F148" s="140"/>
    </row>
    <row r="149" spans="2:6" s="2" customFormat="1" ht="63.75" x14ac:dyDescent="0.25">
      <c r="B149" s="132" t="s">
        <v>250</v>
      </c>
      <c r="C149" s="147" t="s">
        <v>251</v>
      </c>
      <c r="D149" s="138"/>
      <c r="E149" s="139"/>
      <c r="F149" s="140"/>
    </row>
    <row r="150" spans="2:6" s="2" customFormat="1" ht="32.25" customHeight="1" x14ac:dyDescent="0.25">
      <c r="B150" s="132" t="s">
        <v>252</v>
      </c>
      <c r="C150" s="147" t="s">
        <v>253</v>
      </c>
      <c r="D150" s="138"/>
      <c r="E150" s="139"/>
      <c r="F150" s="140"/>
    </row>
    <row r="151" spans="2:6" s="2" customFormat="1" ht="36.75" customHeight="1" x14ac:dyDescent="0.25">
      <c r="B151" s="132" t="s">
        <v>254</v>
      </c>
      <c r="C151" s="147" t="s">
        <v>255</v>
      </c>
      <c r="D151" s="138"/>
      <c r="E151" s="139"/>
      <c r="F151" s="140"/>
    </row>
    <row r="152" spans="2:6" s="2" customFormat="1" ht="43.5" customHeight="1" x14ac:dyDescent="0.25">
      <c r="B152" s="132" t="s">
        <v>256</v>
      </c>
      <c r="C152" s="147" t="s">
        <v>257</v>
      </c>
      <c r="D152" s="138"/>
      <c r="E152" s="139"/>
      <c r="F152" s="140"/>
    </row>
    <row r="153" spans="2:6" s="2" customFormat="1" ht="54.75" customHeight="1" x14ac:dyDescent="0.25">
      <c r="B153" s="148" t="s">
        <v>258</v>
      </c>
      <c r="C153" s="149" t="s">
        <v>259</v>
      </c>
      <c r="D153" s="141"/>
      <c r="E153" s="142"/>
      <c r="F153" s="143"/>
    </row>
    <row r="154" spans="2:6" s="2" customFormat="1" ht="57.75" customHeight="1" x14ac:dyDescent="0.25">
      <c r="B154" s="134" t="s">
        <v>65</v>
      </c>
      <c r="C154" s="126" t="s">
        <v>260</v>
      </c>
      <c r="D154" s="135"/>
      <c r="E154" s="136"/>
      <c r="F154" s="137"/>
    </row>
    <row r="155" spans="2:6" s="2" customFormat="1" ht="87" customHeight="1" x14ac:dyDescent="0.25">
      <c r="B155" s="128" t="s">
        <v>261</v>
      </c>
      <c r="C155" s="129" t="s">
        <v>262</v>
      </c>
      <c r="D155" s="141"/>
      <c r="E155" s="142"/>
      <c r="F155" s="143"/>
    </row>
    <row r="156" spans="2:6" s="2" customFormat="1" ht="29.25" customHeight="1" x14ac:dyDescent="0.25">
      <c r="B156" s="133" t="s">
        <v>66</v>
      </c>
      <c r="C156" s="126" t="s">
        <v>263</v>
      </c>
      <c r="D156" s="135"/>
      <c r="E156" s="136"/>
      <c r="F156" s="137"/>
    </row>
    <row r="157" spans="2:6" s="2" customFormat="1" ht="30.75" customHeight="1" x14ac:dyDescent="0.25">
      <c r="B157" s="132" t="s">
        <v>264</v>
      </c>
      <c r="C157" s="127" t="s">
        <v>265</v>
      </c>
      <c r="D157" s="138"/>
      <c r="E157" s="139"/>
      <c r="F157" s="140"/>
    </row>
    <row r="158" spans="2:6" s="2" customFormat="1" ht="54.75" customHeight="1" x14ac:dyDescent="0.25">
      <c r="B158" s="148" t="s">
        <v>266</v>
      </c>
      <c r="C158" s="129" t="s">
        <v>267</v>
      </c>
      <c r="D158" s="141"/>
      <c r="E158" s="142"/>
      <c r="F158" s="143"/>
    </row>
    <row r="159" spans="2:6" s="2" customFormat="1" ht="68.25" customHeight="1" x14ac:dyDescent="0.25">
      <c r="B159" s="133" t="s">
        <v>73</v>
      </c>
      <c r="C159" s="126" t="s">
        <v>268</v>
      </c>
      <c r="D159" s="135"/>
      <c r="E159" s="136"/>
      <c r="F159" s="137"/>
    </row>
    <row r="160" spans="2:6" s="2" customFormat="1" ht="57.75" customHeight="1" x14ac:dyDescent="0.25">
      <c r="B160" s="132" t="s">
        <v>269</v>
      </c>
      <c r="C160" s="127" t="s">
        <v>270</v>
      </c>
      <c r="D160" s="138"/>
      <c r="E160" s="139"/>
      <c r="F160" s="140"/>
    </row>
    <row r="161" spans="2:6" s="2" customFormat="1" ht="48" customHeight="1" x14ac:dyDescent="0.25">
      <c r="B161" s="148" t="s">
        <v>271</v>
      </c>
      <c r="C161" s="129" t="s">
        <v>272</v>
      </c>
      <c r="D161" s="141"/>
      <c r="E161" s="142"/>
      <c r="F161" s="143"/>
    </row>
    <row r="162" spans="2:6" s="2" customFormat="1" ht="120.75" customHeight="1" x14ac:dyDescent="0.25">
      <c r="B162" s="49" t="s">
        <v>74</v>
      </c>
      <c r="C162" s="124" t="s">
        <v>273</v>
      </c>
      <c r="D162" s="50"/>
      <c r="E162" s="64"/>
      <c r="F162" s="65"/>
    </row>
    <row r="163" spans="2:6" s="2" customFormat="1" ht="110.25" customHeight="1" x14ac:dyDescent="0.25">
      <c r="B163" s="49" t="s">
        <v>67</v>
      </c>
      <c r="C163" s="124" t="s">
        <v>274</v>
      </c>
      <c r="D163" s="50"/>
      <c r="E163" s="64"/>
      <c r="F163" s="65"/>
    </row>
    <row r="164" spans="2:6" s="2" customFormat="1" ht="54" customHeight="1" x14ac:dyDescent="0.25">
      <c r="B164" s="49" t="s">
        <v>75</v>
      </c>
      <c r="C164" s="124" t="s">
        <v>275</v>
      </c>
      <c r="D164" s="50"/>
      <c r="E164" s="64"/>
      <c r="F164" s="65"/>
    </row>
    <row r="165" spans="2:6" s="2" customFormat="1" ht="68.25" customHeight="1" x14ac:dyDescent="0.25">
      <c r="B165" s="49" t="s">
        <v>276</v>
      </c>
      <c r="C165" s="124" t="s">
        <v>277</v>
      </c>
      <c r="D165" s="50"/>
      <c r="E165" s="64"/>
      <c r="F165" s="65"/>
    </row>
    <row r="166" spans="2:6" s="2" customFormat="1" ht="45" customHeight="1" x14ac:dyDescent="0.25">
      <c r="B166" s="49" t="s">
        <v>76</v>
      </c>
      <c r="C166" s="124" t="s">
        <v>278</v>
      </c>
      <c r="D166" s="50"/>
      <c r="E166" s="64"/>
      <c r="F166" s="65"/>
    </row>
    <row r="167" spans="2:6" s="2" customFormat="1" ht="71.25" customHeight="1" x14ac:dyDescent="0.25">
      <c r="B167" s="49" t="s">
        <v>77</v>
      </c>
      <c r="C167" s="124" t="s">
        <v>279</v>
      </c>
      <c r="D167" s="50"/>
      <c r="E167" s="64"/>
      <c r="F167" s="65"/>
    </row>
    <row r="168" spans="2:6" s="2" customFormat="1" ht="30" customHeight="1" x14ac:dyDescent="0.25">
      <c r="B168" s="49" t="s">
        <v>78</v>
      </c>
      <c r="C168" s="124" t="s">
        <v>280</v>
      </c>
      <c r="D168" s="50"/>
      <c r="E168" s="64"/>
      <c r="F168" s="65"/>
    </row>
    <row r="169" spans="2:6" s="2" customFormat="1" ht="30.75" customHeight="1" x14ac:dyDescent="0.25">
      <c r="B169" s="133" t="s">
        <v>79</v>
      </c>
      <c r="C169" s="146" t="s">
        <v>281</v>
      </c>
      <c r="D169" s="135"/>
      <c r="E169" s="136"/>
      <c r="F169" s="137"/>
    </row>
    <row r="170" spans="2:6" s="2" customFormat="1" ht="29.25" customHeight="1" x14ac:dyDescent="0.25">
      <c r="B170" s="132" t="s">
        <v>282</v>
      </c>
      <c r="C170" s="147" t="s">
        <v>117</v>
      </c>
      <c r="D170" s="138"/>
      <c r="E170" s="139"/>
      <c r="F170" s="140"/>
    </row>
    <row r="171" spans="2:6" s="2" customFormat="1" ht="63.75" x14ac:dyDescent="0.25">
      <c r="B171" s="148" t="s">
        <v>283</v>
      </c>
      <c r="C171" s="149" t="s">
        <v>284</v>
      </c>
      <c r="D171" s="141"/>
      <c r="E171" s="142"/>
      <c r="F171" s="143"/>
    </row>
    <row r="172" spans="2:6" s="2" customFormat="1" ht="58.5" customHeight="1" x14ac:dyDescent="0.25">
      <c r="B172" s="49" t="s">
        <v>285</v>
      </c>
      <c r="C172" s="124" t="s">
        <v>286</v>
      </c>
      <c r="D172" s="50"/>
      <c r="E172" s="64"/>
      <c r="F172" s="65"/>
    </row>
    <row r="173" spans="2:6" s="2" customFormat="1" ht="30.75" customHeight="1" x14ac:dyDescent="0.25">
      <c r="B173" s="49" t="s">
        <v>80</v>
      </c>
      <c r="C173" s="124" t="s">
        <v>287</v>
      </c>
      <c r="D173" s="50"/>
      <c r="E173" s="64"/>
      <c r="F173" s="65"/>
    </row>
    <row r="174" spans="2:6" s="2" customFormat="1" ht="32.25" customHeight="1" x14ac:dyDescent="0.25">
      <c r="B174" s="49" t="s">
        <v>81</v>
      </c>
      <c r="C174" s="124" t="s">
        <v>288</v>
      </c>
      <c r="D174" s="50"/>
      <c r="E174" s="64"/>
      <c r="F174" s="65"/>
    </row>
    <row r="175" spans="2:6" s="2" customFormat="1" ht="24.95" customHeight="1" x14ac:dyDescent="0.25">
      <c r="B175" s="49" t="s">
        <v>90</v>
      </c>
      <c r="C175" s="124" t="s">
        <v>289</v>
      </c>
      <c r="D175" s="50"/>
      <c r="E175" s="64"/>
      <c r="F175" s="65"/>
    </row>
    <row r="176" spans="2:6" s="2" customFormat="1" ht="45" customHeight="1" x14ac:dyDescent="0.25">
      <c r="B176" s="49" t="s">
        <v>91</v>
      </c>
      <c r="C176" s="124" t="s">
        <v>290</v>
      </c>
      <c r="D176" s="50"/>
      <c r="E176" s="64"/>
      <c r="F176" s="65"/>
    </row>
    <row r="177" spans="2:6" s="2" customFormat="1" ht="57.75" customHeight="1" x14ac:dyDescent="0.25">
      <c r="B177" s="49" t="s">
        <v>164</v>
      </c>
      <c r="C177" s="124" t="s">
        <v>291</v>
      </c>
      <c r="D177" s="50"/>
      <c r="E177" s="64"/>
      <c r="F177" s="65"/>
    </row>
    <row r="178" spans="2:6" s="2" customFormat="1" ht="83.25" customHeight="1" x14ac:dyDescent="0.25">
      <c r="B178" s="49" t="s">
        <v>166</v>
      </c>
      <c r="C178" s="124" t="s">
        <v>292</v>
      </c>
      <c r="D178" s="50"/>
      <c r="E178" s="64"/>
      <c r="F178" s="65"/>
    </row>
    <row r="179" spans="2:6" s="2" customFormat="1" ht="30.75" customHeight="1" x14ac:dyDescent="0.25">
      <c r="B179" s="49" t="s">
        <v>168</v>
      </c>
      <c r="C179" s="124" t="s">
        <v>293</v>
      </c>
      <c r="D179" s="50"/>
      <c r="E179" s="64"/>
      <c r="F179" s="65"/>
    </row>
    <row r="180" spans="2:6" s="2" customFormat="1" ht="47.25" customHeight="1" x14ac:dyDescent="0.25">
      <c r="B180" s="49" t="s">
        <v>170</v>
      </c>
      <c r="C180" s="124" t="s">
        <v>294</v>
      </c>
      <c r="D180" s="50"/>
      <c r="E180" s="64"/>
      <c r="F180" s="65"/>
    </row>
    <row r="181" spans="2:6" s="2" customFormat="1" ht="24.95" customHeight="1" x14ac:dyDescent="0.25">
      <c r="B181" s="133" t="s">
        <v>172</v>
      </c>
      <c r="C181" s="146" t="s">
        <v>295</v>
      </c>
      <c r="D181" s="135"/>
      <c r="E181" s="136"/>
      <c r="F181" s="137"/>
    </row>
    <row r="182" spans="2:6" s="2" customFormat="1" ht="24.95" customHeight="1" x14ac:dyDescent="0.25">
      <c r="B182" s="132" t="s">
        <v>296</v>
      </c>
      <c r="C182" s="147" t="s">
        <v>297</v>
      </c>
      <c r="D182" s="138"/>
      <c r="E182" s="139"/>
      <c r="F182" s="140"/>
    </row>
    <row r="183" spans="2:6" s="2" customFormat="1" ht="24.95" customHeight="1" x14ac:dyDescent="0.25">
      <c r="B183" s="132" t="s">
        <v>298</v>
      </c>
      <c r="C183" s="147" t="s">
        <v>299</v>
      </c>
      <c r="D183" s="138"/>
      <c r="E183" s="139"/>
      <c r="F183" s="140"/>
    </row>
    <row r="184" spans="2:6" s="2" customFormat="1" ht="24.95" customHeight="1" x14ac:dyDescent="0.25">
      <c r="B184" s="132" t="s">
        <v>300</v>
      </c>
      <c r="C184" s="147" t="s">
        <v>301</v>
      </c>
      <c r="D184" s="138"/>
      <c r="E184" s="139"/>
      <c r="F184" s="140"/>
    </row>
    <row r="185" spans="2:6" s="2" customFormat="1" ht="24.95" customHeight="1" x14ac:dyDescent="0.25">
      <c r="B185" s="148" t="s">
        <v>302</v>
      </c>
      <c r="C185" s="149" t="s">
        <v>303</v>
      </c>
      <c r="D185" s="141"/>
      <c r="E185" s="142"/>
      <c r="F185" s="143"/>
    </row>
    <row r="186" spans="2:6" s="2" customFormat="1" ht="31.5" customHeight="1" x14ac:dyDescent="0.25">
      <c r="B186" s="49" t="s">
        <v>180</v>
      </c>
      <c r="C186" s="124" t="s">
        <v>304</v>
      </c>
      <c r="D186" s="50"/>
      <c r="E186" s="64"/>
      <c r="F186" s="65"/>
    </row>
    <row r="187" spans="2:6" s="2" customFormat="1" ht="24.95" customHeight="1" x14ac:dyDescent="0.25">
      <c r="B187" s="133" t="s">
        <v>182</v>
      </c>
      <c r="C187" s="146" t="s">
        <v>305</v>
      </c>
      <c r="D187" s="135"/>
      <c r="E187" s="136"/>
      <c r="F187" s="137"/>
    </row>
    <row r="188" spans="2:6" s="2" customFormat="1" ht="70.5" customHeight="1" x14ac:dyDescent="0.25">
      <c r="B188" s="132" t="s">
        <v>184</v>
      </c>
      <c r="C188" s="147" t="s">
        <v>306</v>
      </c>
      <c r="D188" s="138"/>
      <c r="E188" s="139"/>
      <c r="F188" s="140"/>
    </row>
    <row r="189" spans="2:6" s="2" customFormat="1" ht="47.25" customHeight="1" x14ac:dyDescent="0.25">
      <c r="B189" s="148" t="s">
        <v>186</v>
      </c>
      <c r="C189" s="149" t="s">
        <v>307</v>
      </c>
      <c r="D189" s="141"/>
      <c r="E189" s="142"/>
      <c r="F189" s="143"/>
    </row>
    <row r="190" spans="2:6" s="2" customFormat="1" ht="43.5" customHeight="1" x14ac:dyDescent="0.25">
      <c r="B190" s="49" t="s">
        <v>308</v>
      </c>
      <c r="C190" s="124" t="s">
        <v>309</v>
      </c>
      <c r="D190" s="50"/>
      <c r="E190" s="64"/>
      <c r="F190" s="65"/>
    </row>
    <row r="191" spans="2:6" s="2" customFormat="1" ht="51" x14ac:dyDescent="0.25">
      <c r="B191" s="49" t="s">
        <v>194</v>
      </c>
      <c r="C191" s="124" t="s">
        <v>310</v>
      </c>
      <c r="D191" s="50"/>
      <c r="E191" s="64"/>
      <c r="F191" s="65"/>
    </row>
    <row r="192" spans="2:6" s="2" customFormat="1" ht="63.75" x14ac:dyDescent="0.25">
      <c r="B192" s="49" t="s">
        <v>196</v>
      </c>
      <c r="C192" s="124" t="s">
        <v>311</v>
      </c>
      <c r="D192" s="50"/>
      <c r="E192" s="64"/>
      <c r="F192" s="65"/>
    </row>
    <row r="193" spans="2:7" s="2" customFormat="1" ht="72" customHeight="1" x14ac:dyDescent="0.25">
      <c r="B193" s="49" t="s">
        <v>198</v>
      </c>
      <c r="C193" s="124" t="s">
        <v>312</v>
      </c>
      <c r="D193" s="50"/>
      <c r="E193" s="64"/>
      <c r="F193" s="65"/>
    </row>
    <row r="194" spans="2:7" s="2" customFormat="1" ht="89.25" x14ac:dyDescent="0.25">
      <c r="B194" s="49" t="s">
        <v>313</v>
      </c>
      <c r="C194" s="124" t="s">
        <v>314</v>
      </c>
      <c r="D194" s="50"/>
      <c r="E194" s="64"/>
      <c r="F194" s="65"/>
    </row>
    <row r="195" spans="2:7" s="2" customFormat="1" ht="38.25" x14ac:dyDescent="0.25">
      <c r="B195" s="49" t="s">
        <v>200</v>
      </c>
      <c r="C195" s="124" t="s">
        <v>315</v>
      </c>
      <c r="D195" s="50"/>
      <c r="E195" s="64"/>
      <c r="F195" s="65"/>
    </row>
    <row r="196" spans="2:7" s="2" customFormat="1" ht="120" customHeight="1" x14ac:dyDescent="0.25">
      <c r="B196" s="49" t="s">
        <v>201</v>
      </c>
      <c r="C196" s="124" t="s">
        <v>316</v>
      </c>
      <c r="D196" s="50"/>
      <c r="E196" s="64"/>
      <c r="F196" s="65"/>
    </row>
    <row r="197" spans="2:7" s="2" customFormat="1" ht="109.5" customHeight="1" x14ac:dyDescent="0.25">
      <c r="B197" s="49" t="s">
        <v>203</v>
      </c>
      <c r="C197" s="124" t="s">
        <v>317</v>
      </c>
      <c r="D197" s="50"/>
      <c r="E197" s="64"/>
      <c r="F197" s="65"/>
    </row>
    <row r="198" spans="2:7" s="2" customFormat="1" ht="59.25" customHeight="1" x14ac:dyDescent="0.25">
      <c r="B198" s="49" t="s">
        <v>205</v>
      </c>
      <c r="C198" s="124" t="s">
        <v>318</v>
      </c>
      <c r="D198" s="50"/>
      <c r="E198" s="64"/>
      <c r="F198" s="65"/>
    </row>
    <row r="199" spans="2:7" s="2" customFormat="1" ht="114.75" x14ac:dyDescent="0.25">
      <c r="B199" s="49" t="s">
        <v>207</v>
      </c>
      <c r="C199" s="124" t="s">
        <v>319</v>
      </c>
      <c r="D199" s="50"/>
      <c r="E199" s="64"/>
      <c r="F199" s="65"/>
    </row>
    <row r="200" spans="2:7" s="2" customFormat="1" ht="102" x14ac:dyDescent="0.25">
      <c r="B200" s="49" t="s">
        <v>209</v>
      </c>
      <c r="C200" s="124" t="s">
        <v>320</v>
      </c>
      <c r="D200" s="50"/>
      <c r="E200" s="64"/>
      <c r="F200" s="65"/>
    </row>
    <row r="201" spans="2:7" s="2" customFormat="1" ht="84.75" customHeight="1" x14ac:dyDescent="0.25">
      <c r="B201" s="49" t="s">
        <v>211</v>
      </c>
      <c r="C201" s="124" t="s">
        <v>321</v>
      </c>
      <c r="D201" s="50"/>
      <c r="E201" s="64"/>
      <c r="F201" s="65"/>
    </row>
    <row r="202" spans="2:7" s="2" customFormat="1" ht="191.25" x14ac:dyDescent="0.25">
      <c r="B202" s="49" t="s">
        <v>322</v>
      </c>
      <c r="C202" s="124" t="s">
        <v>323</v>
      </c>
      <c r="D202" s="50"/>
      <c r="E202" s="64"/>
      <c r="F202" s="65"/>
    </row>
    <row r="203" spans="2:7" s="2" customFormat="1" ht="93.75" customHeight="1" x14ac:dyDescent="0.25">
      <c r="B203" s="49" t="s">
        <v>324</v>
      </c>
      <c r="C203" s="124" t="s">
        <v>325</v>
      </c>
      <c r="D203" s="50"/>
      <c r="E203" s="64"/>
      <c r="F203" s="65"/>
    </row>
    <row r="204" spans="2:7" s="2" customFormat="1" ht="123" customHeight="1" x14ac:dyDescent="0.25">
      <c r="B204" s="49" t="s">
        <v>326</v>
      </c>
      <c r="C204" s="124" t="s">
        <v>327</v>
      </c>
      <c r="D204" s="50"/>
      <c r="E204" s="64"/>
      <c r="F204" s="65"/>
    </row>
    <row r="205" spans="2:7" s="2" customFormat="1" ht="55.5" customHeight="1" x14ac:dyDescent="0.25">
      <c r="B205" s="49" t="s">
        <v>328</v>
      </c>
      <c r="C205" s="2" t="s">
        <v>329</v>
      </c>
      <c r="D205" s="50"/>
      <c r="E205" s="64"/>
      <c r="F205" s="65"/>
    </row>
    <row r="206" spans="2:7" s="2" customFormat="1" ht="45" customHeight="1" thickBot="1" x14ac:dyDescent="0.3">
      <c r="B206" s="55" t="s">
        <v>330</v>
      </c>
      <c r="C206" s="44" t="s">
        <v>331</v>
      </c>
      <c r="D206" s="51"/>
      <c r="E206" s="115"/>
      <c r="F206" s="116"/>
    </row>
    <row r="207" spans="2:7" s="3" customFormat="1" ht="5.0999999999999996" customHeight="1" x14ac:dyDescent="0.25">
      <c r="B207" s="5"/>
      <c r="C207" s="5"/>
      <c r="D207" s="7"/>
      <c r="E207" s="7"/>
      <c r="F207" s="26"/>
      <c r="G207" s="2"/>
    </row>
    <row r="208" spans="2:7" s="2" customFormat="1" ht="20.100000000000001" customHeight="1" x14ac:dyDescent="0.25">
      <c r="B208" s="67" t="s">
        <v>54</v>
      </c>
      <c r="C208" s="67"/>
      <c r="D208" s="67"/>
      <c r="E208" s="67"/>
      <c r="F208" s="67"/>
    </row>
    <row r="209" spans="2:7" s="2" customFormat="1" ht="4.5" customHeight="1" thickBot="1" x14ac:dyDescent="0.3"/>
    <row r="210" spans="2:7" s="2" customFormat="1" ht="80.25" customHeight="1" x14ac:dyDescent="0.25">
      <c r="B210" s="91" t="s">
        <v>55</v>
      </c>
      <c r="C210" s="92"/>
      <c r="D210" s="81" t="s">
        <v>56</v>
      </c>
      <c r="E210" s="82"/>
      <c r="F210" s="83"/>
    </row>
    <row r="211" spans="2:7" s="3" customFormat="1" ht="29.25" customHeight="1" thickBot="1" x14ac:dyDescent="0.3">
      <c r="B211" s="93"/>
      <c r="C211" s="94"/>
      <c r="D211" s="24" t="s">
        <v>7</v>
      </c>
      <c r="E211" s="109" t="s">
        <v>32</v>
      </c>
      <c r="F211" s="110"/>
      <c r="G211" s="2"/>
    </row>
    <row r="212" spans="2:7" s="3" customFormat="1" ht="27" customHeight="1" x14ac:dyDescent="0.25">
      <c r="B212" s="52" t="s">
        <v>16</v>
      </c>
      <c r="C212" s="53" t="s">
        <v>69</v>
      </c>
      <c r="D212" s="54"/>
      <c r="E212" s="107"/>
      <c r="F212" s="108"/>
      <c r="G212" s="2"/>
    </row>
    <row r="213" spans="2:7" s="3" customFormat="1" ht="30.75" customHeight="1" thickBot="1" x14ac:dyDescent="0.3">
      <c r="B213" s="55" t="s">
        <v>58</v>
      </c>
      <c r="C213" s="57" t="s">
        <v>57</v>
      </c>
      <c r="D213" s="56"/>
      <c r="E213" s="115"/>
      <c r="F213" s="116"/>
      <c r="G213" s="2"/>
    </row>
    <row r="214" spans="2:7" s="2" customFormat="1" ht="5.0999999999999996" customHeight="1" x14ac:dyDescent="0.25">
      <c r="B214" s="5"/>
      <c r="C214" s="5"/>
      <c r="D214" s="7"/>
      <c r="E214" s="7"/>
      <c r="F214" s="26"/>
    </row>
    <row r="215" spans="2:7" s="2" customFormat="1" ht="20.100000000000001" customHeight="1" x14ac:dyDescent="0.25">
      <c r="B215" s="67" t="s">
        <v>15</v>
      </c>
      <c r="C215" s="67"/>
      <c r="D215" s="67"/>
      <c r="E215" s="67"/>
      <c r="F215" s="67"/>
    </row>
    <row r="216" spans="2:7" s="3" customFormat="1" ht="30" customHeight="1" x14ac:dyDescent="0.25">
      <c r="B216" s="5" t="s">
        <v>17</v>
      </c>
      <c r="C216" s="102" t="s">
        <v>92</v>
      </c>
      <c r="D216" s="102"/>
      <c r="E216" s="102"/>
      <c r="F216" s="102"/>
      <c r="G216" s="2"/>
    </row>
    <row r="217" spans="2:7" s="28" customFormat="1" ht="30" customHeight="1" x14ac:dyDescent="0.25">
      <c r="B217" s="5" t="s">
        <v>33</v>
      </c>
      <c r="C217" s="102" t="s">
        <v>34</v>
      </c>
      <c r="D217" s="102"/>
      <c r="E217" s="102"/>
      <c r="F217" s="102"/>
      <c r="G217" s="2"/>
    </row>
    <row r="218" spans="2:7" s="28" customFormat="1" ht="30" customHeight="1" x14ac:dyDescent="0.25">
      <c r="B218" s="103" t="s">
        <v>35</v>
      </c>
      <c r="C218" s="103"/>
      <c r="D218" s="103"/>
      <c r="E218" s="103"/>
      <c r="F218" s="3"/>
      <c r="G218" s="2"/>
    </row>
    <row r="219" spans="2:7" s="2" customFormat="1" ht="24.95" customHeight="1" x14ac:dyDescent="0.25">
      <c r="B219" s="27" t="s">
        <v>36</v>
      </c>
      <c r="C219" s="100"/>
      <c r="D219" s="100"/>
      <c r="F219" s="28"/>
    </row>
    <row r="220" spans="2:7" s="2" customFormat="1" ht="24.95" customHeight="1" x14ac:dyDescent="0.25">
      <c r="B220" s="27" t="s">
        <v>37</v>
      </c>
      <c r="C220" s="100"/>
      <c r="D220" s="100"/>
      <c r="F220" s="28"/>
    </row>
    <row r="221" spans="2:7" s="2" customFormat="1" ht="24.95" customHeight="1" x14ac:dyDescent="0.25">
      <c r="B221" s="27" t="s">
        <v>38</v>
      </c>
      <c r="C221" s="100"/>
      <c r="D221" s="100"/>
      <c r="F221" s="28"/>
    </row>
    <row r="222" spans="2:7" s="3" customFormat="1" ht="24.95" customHeight="1" x14ac:dyDescent="0.25">
      <c r="B222" s="27" t="s">
        <v>39</v>
      </c>
      <c r="C222" s="100"/>
      <c r="D222" s="100"/>
      <c r="E222" s="2"/>
      <c r="F222" s="29"/>
      <c r="G222" s="2"/>
    </row>
    <row r="223" spans="2:7" s="2" customFormat="1" ht="14.25" customHeight="1" x14ac:dyDescent="0.2">
      <c r="B223" s="11"/>
      <c r="C223" s="12"/>
      <c r="D223" s="12"/>
      <c r="F223" s="30"/>
    </row>
    <row r="224" spans="2:7" s="3" customFormat="1" ht="15" customHeight="1" x14ac:dyDescent="0.25">
      <c r="B224" s="104" t="s">
        <v>40</v>
      </c>
      <c r="C224" s="104"/>
      <c r="D224" s="104"/>
      <c r="E224" s="104"/>
      <c r="F224" s="104"/>
    </row>
    <row r="225" spans="2:6" s="2" customFormat="1" ht="36.75" customHeight="1" x14ac:dyDescent="0.25">
      <c r="B225" s="101" t="s">
        <v>51</v>
      </c>
      <c r="C225" s="101"/>
      <c r="D225" s="101"/>
      <c r="E225" s="101"/>
      <c r="F225" s="101"/>
    </row>
    <row r="226" spans="2:6" s="2" customFormat="1" ht="20.100000000000001" customHeight="1" x14ac:dyDescent="0.2">
      <c r="B226" s="1"/>
      <c r="C226" s="1"/>
      <c r="D226" s="8"/>
      <c r="E226" s="8"/>
    </row>
    <row r="227" spans="2:6" s="3" customFormat="1" ht="4.5" customHeight="1" x14ac:dyDescent="0.2">
      <c r="B227" s="1"/>
      <c r="C227" s="1"/>
      <c r="D227" s="8"/>
      <c r="E227" s="8"/>
      <c r="F227" s="2"/>
    </row>
    <row r="228" spans="2:6" s="3" customFormat="1" ht="20.100000000000001" customHeight="1" x14ac:dyDescent="0.25">
      <c r="B228" s="31" t="s">
        <v>41</v>
      </c>
      <c r="C228" s="32"/>
      <c r="D228" s="33" t="s">
        <v>42</v>
      </c>
      <c r="E228" s="98"/>
      <c r="F228" s="98"/>
    </row>
    <row r="229" spans="2:6" s="3" customFormat="1" ht="20.100000000000001" customHeight="1" x14ac:dyDescent="0.25">
      <c r="B229" s="34"/>
      <c r="C229" s="34"/>
      <c r="D229" s="34"/>
      <c r="E229" s="35"/>
      <c r="F229" s="35"/>
    </row>
    <row r="230" spans="2:6" ht="20.100000000000001" customHeight="1" x14ac:dyDescent="0.2">
      <c r="B230" s="31" t="s">
        <v>43</v>
      </c>
      <c r="C230" s="32"/>
      <c r="D230" s="36" t="s">
        <v>44</v>
      </c>
      <c r="E230" s="99"/>
      <c r="F230" s="99"/>
    </row>
    <row r="231" spans="2:6" s="2" customFormat="1" ht="20.100000000000001" customHeight="1" x14ac:dyDescent="0.2">
      <c r="B231" s="1"/>
      <c r="C231" s="1"/>
      <c r="D231" s="36" t="s">
        <v>45</v>
      </c>
      <c r="E231" s="100"/>
      <c r="F231" s="100"/>
    </row>
    <row r="232" spans="2:6" s="2" customFormat="1" ht="20.100000000000001" customHeight="1" x14ac:dyDescent="0.2">
      <c r="B232" s="1"/>
      <c r="C232" s="1"/>
      <c r="D232" s="37" t="s">
        <v>46</v>
      </c>
      <c r="E232" s="1"/>
    </row>
    <row r="233" spans="2:6" s="2" customFormat="1" ht="37.5" customHeight="1" x14ac:dyDescent="0.25"/>
    <row r="234" spans="2:6" s="2" customFormat="1" ht="24" customHeight="1" x14ac:dyDescent="0.25"/>
    <row r="235" spans="2:6" s="2" customFormat="1" ht="24" customHeight="1" x14ac:dyDescent="0.25"/>
    <row r="236" spans="2:6" s="2" customFormat="1" ht="24" customHeight="1" x14ac:dyDescent="0.25"/>
    <row r="237" spans="2:6" s="2" customFormat="1" ht="20.100000000000001" customHeight="1" x14ac:dyDescent="0.25"/>
    <row r="238" spans="2:6" s="2" customFormat="1" ht="20.100000000000001" customHeight="1" x14ac:dyDescent="0.25"/>
    <row r="239" spans="2:6" s="2" customFormat="1" ht="50.1" customHeight="1" x14ac:dyDescent="0.25"/>
    <row r="240" spans="2:6" s="2" customFormat="1" ht="43.5" customHeight="1" x14ac:dyDescent="0.25"/>
    <row r="241" spans="2:5" ht="24.75" customHeight="1" x14ac:dyDescent="0.2">
      <c r="B241" s="2"/>
      <c r="C241" s="2"/>
      <c r="D241" s="2"/>
      <c r="E241" s="2"/>
    </row>
    <row r="242" spans="2:5" x14ac:dyDescent="0.2">
      <c r="B242" s="2"/>
      <c r="C242" s="2"/>
      <c r="D242" s="2"/>
      <c r="E242" s="2"/>
    </row>
    <row r="243" spans="2:5" ht="20.100000000000001" customHeight="1" x14ac:dyDescent="0.2"/>
    <row r="244" spans="2:5" ht="4.5" customHeight="1" x14ac:dyDescent="0.2"/>
    <row r="245" spans="2:5" ht="20.100000000000001" customHeight="1" x14ac:dyDescent="0.2"/>
    <row r="246" spans="2:5" ht="20.100000000000001" customHeight="1" x14ac:dyDescent="0.2"/>
    <row r="247" spans="2:5" ht="20.100000000000001" customHeight="1" x14ac:dyDescent="0.2"/>
  </sheetData>
  <mergeCells count="212">
    <mergeCell ref="E152:F152"/>
    <mergeCell ref="E153:F153"/>
    <mergeCell ref="E154:F154"/>
    <mergeCell ref="E155:F155"/>
    <mergeCell ref="E156:F156"/>
    <mergeCell ref="E157:F157"/>
    <mergeCell ref="E158:F158"/>
    <mergeCell ref="E159:F159"/>
    <mergeCell ref="E160:F160"/>
    <mergeCell ref="E161:F161"/>
    <mergeCell ref="E162:F162"/>
    <mergeCell ref="E163:F163"/>
    <mergeCell ref="E164:F164"/>
    <mergeCell ref="E165:F165"/>
    <mergeCell ref="E166:F166"/>
    <mergeCell ref="E167:F167"/>
    <mergeCell ref="E168:F168"/>
    <mergeCell ref="E169:F169"/>
    <mergeCell ref="E170:F170"/>
    <mergeCell ref="E171:F171"/>
    <mergeCell ref="E172:F172"/>
    <mergeCell ref="E98:F98"/>
    <mergeCell ref="E83:F83"/>
    <mergeCell ref="E84:F84"/>
    <mergeCell ref="E85:F85"/>
    <mergeCell ref="E86:F86"/>
    <mergeCell ref="E87:F87"/>
    <mergeCell ref="E88:F88"/>
    <mergeCell ref="E89:F89"/>
    <mergeCell ref="E90:F90"/>
    <mergeCell ref="E91:F91"/>
    <mergeCell ref="E67:F67"/>
    <mergeCell ref="E68:F68"/>
    <mergeCell ref="E69:F69"/>
    <mergeCell ref="E70:F70"/>
    <mergeCell ref="E71:F71"/>
    <mergeCell ref="E73:F73"/>
    <mergeCell ref="B99:F99"/>
    <mergeCell ref="E102:F102"/>
    <mergeCell ref="E103:F103"/>
    <mergeCell ref="E74:F74"/>
    <mergeCell ref="E75:F75"/>
    <mergeCell ref="E76:F76"/>
    <mergeCell ref="E77:F77"/>
    <mergeCell ref="E78:F78"/>
    <mergeCell ref="E79:F79"/>
    <mergeCell ref="E80:F80"/>
    <mergeCell ref="E81:F81"/>
    <mergeCell ref="E82:F82"/>
    <mergeCell ref="E92:F92"/>
    <mergeCell ref="E93:F93"/>
    <mergeCell ref="E94:F94"/>
    <mergeCell ref="E95:F95"/>
    <mergeCell ref="E96:F96"/>
    <mergeCell ref="E97:F97"/>
    <mergeCell ref="E198:F198"/>
    <mergeCell ref="E199:F199"/>
    <mergeCell ref="E200:F200"/>
    <mergeCell ref="E213:F213"/>
    <mergeCell ref="B208:F208"/>
    <mergeCell ref="B210:C211"/>
    <mergeCell ref="D210:F210"/>
    <mergeCell ref="E211:F211"/>
    <mergeCell ref="E201:F201"/>
    <mergeCell ref="E202:F202"/>
    <mergeCell ref="E203:F203"/>
    <mergeCell ref="E204:F204"/>
    <mergeCell ref="E205:F205"/>
    <mergeCell ref="E206:F206"/>
    <mergeCell ref="E130:F130"/>
    <mergeCell ref="E139:F139"/>
    <mergeCell ref="E140:F140"/>
    <mergeCell ref="E141:F141"/>
    <mergeCell ref="E142:F142"/>
    <mergeCell ref="E143:F143"/>
    <mergeCell ref="E144:F144"/>
    <mergeCell ref="E145:F145"/>
    <mergeCell ref="E146:F146"/>
    <mergeCell ref="E110:F110"/>
    <mergeCell ref="E101:F101"/>
    <mergeCell ref="E120:F120"/>
    <mergeCell ref="E123:F123"/>
    <mergeCell ref="E108:F108"/>
    <mergeCell ref="E109:F109"/>
    <mergeCell ref="E121:F121"/>
    <mergeCell ref="E122:F122"/>
    <mergeCell ref="E129:F129"/>
    <mergeCell ref="E114:F114"/>
    <mergeCell ref="E115:F115"/>
    <mergeCell ref="E116:F116"/>
    <mergeCell ref="E117:F117"/>
    <mergeCell ref="E118:F118"/>
    <mergeCell ref="E119:F119"/>
    <mergeCell ref="E104:F104"/>
    <mergeCell ref="E105:F105"/>
    <mergeCell ref="E106:F106"/>
    <mergeCell ref="E107:F107"/>
    <mergeCell ref="E111:F111"/>
    <mergeCell ref="E112:F112"/>
    <mergeCell ref="E113:F113"/>
    <mergeCell ref="B2:F2"/>
    <mergeCell ref="B1:F1"/>
    <mergeCell ref="B25:C25"/>
    <mergeCell ref="B28:C28"/>
    <mergeCell ref="E212:F212"/>
    <mergeCell ref="E132:F132"/>
    <mergeCell ref="E133:F133"/>
    <mergeCell ref="E134:F134"/>
    <mergeCell ref="E135:F135"/>
    <mergeCell ref="E136:F136"/>
    <mergeCell ref="E137:F137"/>
    <mergeCell ref="E138:F138"/>
    <mergeCell ref="E131:F131"/>
    <mergeCell ref="B125:F125"/>
    <mergeCell ref="B127:C128"/>
    <mergeCell ref="D127:F127"/>
    <mergeCell ref="E128:F128"/>
    <mergeCell ref="E49:F49"/>
    <mergeCell ref="B23:F23"/>
    <mergeCell ref="B18:D18"/>
    <mergeCell ref="B19:D19"/>
    <mergeCell ref="B20:F20"/>
    <mergeCell ref="B22:D22"/>
    <mergeCell ref="E47:F47"/>
    <mergeCell ref="E228:F228"/>
    <mergeCell ref="E230:F230"/>
    <mergeCell ref="E231:F231"/>
    <mergeCell ref="B225:F225"/>
    <mergeCell ref="B215:F215"/>
    <mergeCell ref="C216:F216"/>
    <mergeCell ref="C217:F217"/>
    <mergeCell ref="B218:E218"/>
    <mergeCell ref="B224:F224"/>
    <mergeCell ref="C219:D219"/>
    <mergeCell ref="C220:D220"/>
    <mergeCell ref="C221:D221"/>
    <mergeCell ref="C222:D222"/>
    <mergeCell ref="E43:F43"/>
    <mergeCell ref="B41:F41"/>
    <mergeCell ref="E42:F42"/>
    <mergeCell ref="C31:D31"/>
    <mergeCell ref="B37:F37"/>
    <mergeCell ref="B39:C40"/>
    <mergeCell ref="B15:D15"/>
    <mergeCell ref="E44:F44"/>
    <mergeCell ref="B21:F21"/>
    <mergeCell ref="B33:C33"/>
    <mergeCell ref="E50:F50"/>
    <mergeCell ref="E45:F45"/>
    <mergeCell ref="D39:F39"/>
    <mergeCell ref="E40:F40"/>
    <mergeCell ref="E54:F54"/>
    <mergeCell ref="E100:F100"/>
    <mergeCell ref="E63:F63"/>
    <mergeCell ref="E65:F65"/>
    <mergeCell ref="E66:F66"/>
    <mergeCell ref="E51:F51"/>
    <mergeCell ref="E52:F52"/>
    <mergeCell ref="E55:F55"/>
    <mergeCell ref="E56:F56"/>
    <mergeCell ref="E57:F57"/>
    <mergeCell ref="E58:F58"/>
    <mergeCell ref="E72:F72"/>
    <mergeCell ref="E46:F46"/>
    <mergeCell ref="E53:F53"/>
    <mergeCell ref="E48:F48"/>
    <mergeCell ref="E59:F59"/>
    <mergeCell ref="E64:F64"/>
    <mergeCell ref="E60:F60"/>
    <mergeCell ref="E61:F61"/>
    <mergeCell ref="E62:F62"/>
    <mergeCell ref="B3:F3"/>
    <mergeCell ref="B7:F7"/>
    <mergeCell ref="B8:F8"/>
    <mergeCell ref="B9:F9"/>
    <mergeCell ref="B11:F11"/>
    <mergeCell ref="B13:D13"/>
    <mergeCell ref="B12:D12"/>
    <mergeCell ref="B14:D14"/>
    <mergeCell ref="C30:D30"/>
    <mergeCell ref="B24:F24"/>
    <mergeCell ref="C29:D29"/>
    <mergeCell ref="E189:F189"/>
    <mergeCell ref="E190:F190"/>
    <mergeCell ref="E191:F191"/>
    <mergeCell ref="E192:F192"/>
    <mergeCell ref="E193:F193"/>
    <mergeCell ref="E194:F194"/>
    <mergeCell ref="E195:F195"/>
    <mergeCell ref="E196:F196"/>
    <mergeCell ref="E197:F197"/>
    <mergeCell ref="E187:F187"/>
    <mergeCell ref="E188:F188"/>
    <mergeCell ref="E147:F147"/>
    <mergeCell ref="E148:F148"/>
    <mergeCell ref="E149:F149"/>
    <mergeCell ref="E150:F150"/>
    <mergeCell ref="E151:F151"/>
    <mergeCell ref="E176:F176"/>
    <mergeCell ref="E177:F177"/>
    <mergeCell ref="E183:F183"/>
    <mergeCell ref="E184:F184"/>
    <mergeCell ref="E185:F185"/>
    <mergeCell ref="E186:F186"/>
    <mergeCell ref="E178:F178"/>
    <mergeCell ref="E179:F179"/>
    <mergeCell ref="E180:F180"/>
    <mergeCell ref="E181:F181"/>
    <mergeCell ref="E182:F182"/>
    <mergeCell ref="E173:F173"/>
    <mergeCell ref="E174:F174"/>
    <mergeCell ref="E175:F175"/>
  </mergeCells>
  <conditionalFormatting sqref="D138:D140 D100:D123 D46:D98 D142:D205">
    <cfRule type="containsBlanks" dxfId="17" priority="79">
      <formula>LEN(TRIM(D46))=0</formula>
    </cfRule>
  </conditionalFormatting>
  <conditionalFormatting sqref="E230:F230">
    <cfRule type="containsBlanks" dxfId="16" priority="78">
      <formula>LEN(TRIM(E230))=0</formula>
    </cfRule>
  </conditionalFormatting>
  <conditionalFormatting sqref="C228">
    <cfRule type="containsBlanks" dxfId="15" priority="76">
      <formula>LEN(TRIM(C228))=0</formula>
    </cfRule>
  </conditionalFormatting>
  <conditionalFormatting sqref="E231:F231">
    <cfRule type="containsBlanks" dxfId="14" priority="77">
      <formula>LEN(TRIM(E231))=0</formula>
    </cfRule>
  </conditionalFormatting>
  <conditionalFormatting sqref="C230">
    <cfRule type="containsBlanks" dxfId="13" priority="75">
      <formula>LEN(TRIM(C230))=0</formula>
    </cfRule>
  </conditionalFormatting>
  <conditionalFormatting sqref="C4:C5">
    <cfRule type="containsBlanks" dxfId="12" priority="74">
      <formula>LEN(TRIM(C4))=0</formula>
    </cfRule>
  </conditionalFormatting>
  <conditionalFormatting sqref="D42">
    <cfRule type="containsBlanks" dxfId="11" priority="73">
      <formula>LEN(TRIM(D42))=0</formula>
    </cfRule>
  </conditionalFormatting>
  <conditionalFormatting sqref="D212">
    <cfRule type="containsBlanks" dxfId="10" priority="68">
      <formula>LEN(TRIM(D212))=0</formula>
    </cfRule>
  </conditionalFormatting>
  <conditionalFormatting sqref="C221:D221">
    <cfRule type="containsBlanks" dxfId="9" priority="64">
      <formula>LEN(TRIM(C221))=0</formula>
    </cfRule>
  </conditionalFormatting>
  <conditionalFormatting sqref="D43:D44">
    <cfRule type="containsBlanks" dxfId="8" priority="46">
      <formula>LEN(TRIM(D43))=0</formula>
    </cfRule>
  </conditionalFormatting>
  <conditionalFormatting sqref="D45">
    <cfRule type="containsBlanks" dxfId="7" priority="42">
      <formula>LEN(TRIM(D45))=0</formula>
    </cfRule>
  </conditionalFormatting>
  <conditionalFormatting sqref="C220:D220">
    <cfRule type="containsBlanks" dxfId="6" priority="15">
      <formula>LEN(TRIM(C220))=0</formula>
    </cfRule>
  </conditionalFormatting>
  <conditionalFormatting sqref="C219:D219">
    <cfRule type="containsBlanks" dxfId="5" priority="14">
      <formula>LEN(TRIM(C219))=0</formula>
    </cfRule>
  </conditionalFormatting>
  <conditionalFormatting sqref="C222:D222">
    <cfRule type="containsBlanks" dxfId="4" priority="13">
      <formula>LEN(TRIM(C222))=0</formula>
    </cfRule>
  </conditionalFormatting>
  <conditionalFormatting sqref="D129:D137">
    <cfRule type="containsBlanks" dxfId="3" priority="8">
      <formula>LEN(TRIM(D129))=0</formula>
    </cfRule>
  </conditionalFormatting>
  <conditionalFormatting sqref="D213">
    <cfRule type="containsBlanks" dxfId="2" priority="6">
      <formula>LEN(TRIM(D213))=0</formula>
    </cfRule>
  </conditionalFormatting>
  <conditionalFormatting sqref="D141">
    <cfRule type="containsBlanks" dxfId="1" priority="5">
      <formula>LEN(TRIM(D141))=0</formula>
    </cfRule>
  </conditionalFormatting>
  <conditionalFormatting sqref="D206">
    <cfRule type="containsBlanks" dxfId="0" priority="1">
      <formula>LEN(TRIM(D206))=0</formula>
    </cfRule>
  </conditionalFormatting>
  <printOptions horizontalCentered="1"/>
  <pageMargins left="0.70866141732283472" right="0.70866141732283472" top="0.9055118110236221" bottom="0.74803149606299213" header="0.31496062992125984" footer="0.31496062992125984"/>
  <pageSetup paperSize="9" scale="64"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3" manualBreakCount="3">
    <brk id="45" min="1" max="5" man="1"/>
    <brk id="120" min="1" max="5" man="1"/>
    <brk id="187"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5</xdr:row>
                    <xdr:rowOff>0</xdr:rowOff>
                  </from>
                  <to>
                    <xdr:col>1</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6</xdr:row>
                    <xdr:rowOff>9525</xdr:rowOff>
                  </from>
                  <to>
                    <xdr:col>1</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3</xdr:row>
                    <xdr:rowOff>9525</xdr:rowOff>
                  </from>
                  <to>
                    <xdr:col>1</xdr:col>
                    <xdr:colOff>885825</xdr:colOff>
                    <xdr:row>33</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4</xdr:row>
                    <xdr:rowOff>0</xdr:rowOff>
                  </from>
                  <to>
                    <xdr:col>1</xdr:col>
                    <xdr:colOff>885825</xdr:colOff>
                    <xdr:row>34</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3-05-04T08:12:48Z</cp:lastPrinted>
  <dcterms:created xsi:type="dcterms:W3CDTF">2017-04-21T05:51:15Z</dcterms:created>
  <dcterms:modified xsi:type="dcterms:W3CDTF">2023-05-04T08:13:55Z</dcterms:modified>
</cp:coreProperties>
</file>